
<file path=[Content_Types].xml><?xml version="1.0" encoding="utf-8"?>
<Types xmlns="http://schemas.openxmlformats.org/package/2006/content-types">
  <Default Extension="bin" ContentType="application/vnd.openxmlformats-officedocument.spreadsheetml.printerSettings"/>
  <Default Extension="png" ContentType="image/png"/>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5" rupBuild="22228"/>
  <workbookPr autoCompressPictures="0"/>
  <mc:AlternateContent xmlns:mc="http://schemas.openxmlformats.org/markup-compatibility/2006">
    <mc:Choice Requires="x15">
      <x15ac:absPath xmlns:x15ac="http://schemas.microsoft.com/office/spreadsheetml/2010/11/ac" url="C:\Users\s428393\Dropbox\2018_RWS\Data\Data Tables\Data Tables by Regions and Groups\RDAsLGAs regions\"/>
    </mc:Choice>
  </mc:AlternateContent>
  <xr:revisionPtr revIDLastSave="0" documentId="13_ncr:1_{B3D0DD43-7514-451E-997B-AC43EACE46A1}" xr6:coauthVersionLast="45" xr6:coauthVersionMax="45" xr10:uidLastSave="{00000000-0000-0000-0000-000000000000}"/>
  <bookViews>
    <workbookView xWindow="28680" yWindow="-120" windowWidth="29040" windowHeight="15840" tabRatio="909" xr2:uid="{00000000-000D-0000-FFFF-FFFF00000000}"/>
  </bookViews>
  <sheets>
    <sheet name="Cover" sheetId="2" r:id="rId1"/>
    <sheet name="Explanatory notes" sheetId="11" r:id="rId2"/>
    <sheet name="About the region" sheetId="10" r:id="rId3"/>
    <sheet name="Index of tables" sheetId="3" r:id="rId4"/>
    <sheet name="1 IndividualWellbeing" sheetId="12" r:id="rId5"/>
    <sheet name="2 CommunityWellbeing" sheetId="22" r:id="rId6"/>
    <sheet name="3 FinancialCapital" sheetId="13" r:id="rId7"/>
    <sheet name="4 HumanCapital" sheetId="17" r:id="rId8"/>
    <sheet name="5 InstitutionalCapital" sheetId="18" r:id="rId9"/>
    <sheet name="6 SocialCapital" sheetId="19" r:id="rId10"/>
    <sheet name="7 PhysicalCapital" sheetId="20" r:id="rId11"/>
    <sheet name="8 NaturalCapital" sheetId="21" r:id="rId12"/>
  </sheets>
  <calcPr calcId="145621"/>
</workbook>
</file>

<file path=xl/sharedStrings.xml><?xml version="1.0" encoding="utf-8"?>
<sst xmlns="http://schemas.openxmlformats.org/spreadsheetml/2006/main" count="3507" uniqueCount="620">
  <si>
    <t>Index of data tables</t>
  </si>
  <si>
    <t>Household financial wellbeing</t>
  </si>
  <si>
    <t>Why aren't data from every survey question reported for every region?</t>
  </si>
  <si>
    <t>General health</t>
  </si>
  <si>
    <t>Community leadership and collaboration</t>
  </si>
  <si>
    <t>Wellbeing</t>
  </si>
  <si>
    <t>Global Life Satisfaction</t>
  </si>
  <si>
    <t>Personal Wellbeing Index</t>
  </si>
  <si>
    <t>Satisfaction with life as a whole (average score, from a possible 0-100)</t>
  </si>
  <si>
    <t>Personal wellbeing (average score, from a possible 0-100)</t>
  </si>
  <si>
    <t>Community economic wellbeing</t>
  </si>
  <si>
    <t>Having a say and being heard</t>
  </si>
  <si>
    <t>Spending time with friends and family</t>
  </si>
  <si>
    <t>Sense of belonging</t>
  </si>
  <si>
    <t>Sense of belonging
 (average score, from a possible 1-7)</t>
  </si>
  <si>
    <t>Access to telecommunications</t>
  </si>
  <si>
    <t>Landscape and aesthetics</t>
  </si>
  <si>
    <t>Perceived environmental health</t>
  </si>
  <si>
    <t>Determinants of Wellbeing</t>
  </si>
  <si>
    <t>General health (average score, from a possible 1-5)</t>
  </si>
  <si>
    <t>Household financial wellbeing (average score, from a possible 1-7)</t>
  </si>
  <si>
    <t>Community economic wellbeing (average score, from a possible 1-7)</t>
  </si>
  <si>
    <t>Community leadership and collaboration (average score, from a possible 1-7)</t>
  </si>
  <si>
    <t>Having a say and being heard (average score, from a possible 1-7)</t>
  </si>
  <si>
    <t>Spending time with friends and family (average score, from a possible 1-7)</t>
  </si>
  <si>
    <t>Getting involved in the community (average score, from a possible 1-7)</t>
  </si>
  <si>
    <t>Access to telecommunications (average score, from a possible 1-7)</t>
  </si>
  <si>
    <t>Crime and safety (average score, from a possible 1-7)</t>
  </si>
  <si>
    <t>Landscape and aesthetics (average score, from a possible 1-7)</t>
  </si>
  <si>
    <t>Perceived environmental health (average score, from a possible 1-7)</t>
  </si>
  <si>
    <t>Volunteering</t>
  </si>
  <si>
    <t>General health - distribution of responses</t>
  </si>
  <si>
    <t>Personal Wellbeing Domains</t>
  </si>
  <si>
    <t xml:space="preserve">Changes in community liveability </t>
  </si>
  <si>
    <t>Household financial measures</t>
  </si>
  <si>
    <t>Financial distress</t>
  </si>
  <si>
    <t>Community economic measures</t>
  </si>
  <si>
    <t>Self-efficacy</t>
  </si>
  <si>
    <t>Self-efficacy measures</t>
  </si>
  <si>
    <t>Institutional capital</t>
  </si>
  <si>
    <t>Human capital</t>
  </si>
  <si>
    <t>Financial capital</t>
  </si>
  <si>
    <t>Having a say and being heard measures</t>
  </si>
  <si>
    <t>Equity and inclusion</t>
  </si>
  <si>
    <t>Social capital</t>
  </si>
  <si>
    <t>Spending time with friends and family measures</t>
  </si>
  <si>
    <t>Getting involved measures</t>
  </si>
  <si>
    <t>Physical capital</t>
  </si>
  <si>
    <t xml:space="preserve">Access to roads and public transport </t>
  </si>
  <si>
    <t>Crime and safety in the local community</t>
  </si>
  <si>
    <t>Crime and safety in the local community measures</t>
  </si>
  <si>
    <t>Landscape and aesthetics measures</t>
  </si>
  <si>
    <t>Natural capital</t>
  </si>
  <si>
    <t>Perceived environmental health measures</t>
  </si>
  <si>
    <t>Personal wellbeing domains</t>
  </si>
  <si>
    <t>Each individual item used to create the Personal Wellbeing Index is presented individually.</t>
  </si>
  <si>
    <t>Feeling life is worthwhile (average score, from a possible 0-100)</t>
  </si>
  <si>
    <t xml:space="preserve">Each individual item used to create the Community Wellbeing Index is presented individually. </t>
  </si>
  <si>
    <t>Changes in liveability ('getting worse' (1) to 'getting better' (7))</t>
  </si>
  <si>
    <t>Wellbeing of people</t>
  </si>
  <si>
    <t>Wellbeing of communities</t>
  </si>
  <si>
    <t>Self-efficacy (average score, from a possible 1-7)</t>
  </si>
  <si>
    <t>Institutional Capital</t>
  </si>
  <si>
    <t>Equity and inclusion (average score, from a possible 1-7)</t>
  </si>
  <si>
    <t>Participation in volunteering - distribution of responses</t>
  </si>
  <si>
    <t>Access to roads and public transport (average score, from a possible 1-7)</t>
  </si>
  <si>
    <t>Access to food and retail shops  (average score, from a possible 1-7)</t>
  </si>
  <si>
    <t>Access to telecommunications measures</t>
  </si>
  <si>
    <t xml:space="preserve">Global life satisfaction   </t>
  </si>
  <si>
    <t>The Global Life Satisfaction score was calculated based on respondents' rating of their satisfaction with their 'life as a whole’, on a scale of 'completely dissatisfied' (0) to 'completely satisfied' (10). Scores have been multiplied by 10 (so life satisfaction is measured on a scale of 0 to 100).</t>
  </si>
  <si>
    <t>Satisfaction with life as a whole
(average score, from a possible 0-100)</t>
  </si>
  <si>
    <t>Region name</t>
  </si>
  <si>
    <t xml:space="preserve">Total
number of
respondents
</t>
  </si>
  <si>
    <t>Confidence interval for mean</t>
  </si>
  <si>
    <t>Number of people living in this region who answered this question on the survey</t>
  </si>
  <si>
    <t>Measured from 0 (completely dissatisfied) to 100 (completely satisfied)</t>
  </si>
  <si>
    <t>There is 95% confidence that if the survey was repeated, the value would fall between the mean ± the confidence interval</t>
  </si>
  <si>
    <t>Personal Wellbeing Index
(average score, from possible 0-100)</t>
  </si>
  <si>
    <t xml:space="preserve">Satisfaction with….
</t>
  </si>
  <si>
    <t xml:space="preserve">….your standard of living 
</t>
  </si>
  <si>
    <t>….your personal relationships</t>
  </si>
  <si>
    <t>….how safe you feel</t>
  </si>
  <si>
    <t>….feeling part of your community</t>
  </si>
  <si>
    <t>….your future security</t>
  </si>
  <si>
    <t>This community copes pretty well when faced with challenges
(Measured 'strongly disagree' (1) to 'strongly agree' (7))</t>
  </si>
  <si>
    <t>Confidence interval for % who disagree</t>
  </si>
  <si>
    <t>Confidence interval for % who neither agree or disagree</t>
  </si>
  <si>
    <t xml:space="preserve">Confidence interval for % who  agree </t>
  </si>
  <si>
    <t>There is 95% confidence that if the survey was repeated, the value would fall between the % ± the confidence interval</t>
  </si>
  <si>
    <t>The liveability of this community is…..
(Measured 'getting worse' (1) to 'getting better' (7))</t>
  </si>
  <si>
    <t>The friendliness of this community is…..
(Measured 'getting worse' (1) to 'getting better' (7))</t>
  </si>
  <si>
    <t>The local economy is…..
(Measured 'getting worse' (1) to 'getting better' (7))</t>
  </si>
  <si>
    <t>Confidence interval for % who feel liveability is getting worse</t>
  </si>
  <si>
    <t>Confidence interval for % who feel liveability is neither getting better or worse</t>
  </si>
  <si>
    <t>Confidence interval for % who feel liveability is getting better</t>
  </si>
  <si>
    <t>Confidence interval for % who feel friendliness is getting worse</t>
  </si>
  <si>
    <t>Confidence interval for % who feel friendliness is neither getting better or worse</t>
  </si>
  <si>
    <t>Confidence interval for % who feel friendliness is getting better</t>
  </si>
  <si>
    <t>Confidence interval for % who feel local economy is getting worse</t>
  </si>
  <si>
    <t>Confidence interval for % who feel local economy is neither getting better or worse</t>
  </si>
  <si>
    <t>Confidence interval for % who feel local economy is getting better</t>
  </si>
  <si>
    <t>Confidence interval for % who feel landscape and surrounds are getting worse</t>
  </si>
  <si>
    <t>Confidence interval for % who feel landscape and surrounds are neither getting better or worse</t>
  </si>
  <si>
    <t>Confidence interval for % who feel landscape and surrounds are getting better</t>
  </si>
  <si>
    <t>Measured from 1 (getting worse) to 7 (getting better)</t>
  </si>
  <si>
    <t>Household financial wellbeing
 (average score, from a possible 1-7)</t>
  </si>
  <si>
    <t>Measured from 1 (lowest level of financial wellbeing) to 7 (highest level of financial wellbeing)</t>
  </si>
  <si>
    <t>Household income  - distribution of responses</t>
  </si>
  <si>
    <t>Confidence interval for %  $0-$51,999</t>
  </si>
  <si>
    <t>Confidence interval for poor or very poor</t>
  </si>
  <si>
    <t>Confidence interval for just getting along</t>
  </si>
  <si>
    <t>Confidence interval for reasonably comfortable</t>
  </si>
  <si>
    <t>Confidence interval for very comfortable or prosperous</t>
  </si>
  <si>
    <t>Confidence interval for no financial distress</t>
  </si>
  <si>
    <t>Community economic wellbeing
 (average score, from a possible 1-7)</t>
  </si>
  <si>
    <t>Measured from 1 (low levels of community economic wellbeing) to 7 (high levels of community economic wellbeing)</t>
  </si>
  <si>
    <t>General health
 (average score, from a possible 1-5)</t>
  </si>
  <si>
    <t>Confidence interval for % good</t>
  </si>
  <si>
    <t>Measured from 1 (poor) to 5 (excellent)</t>
  </si>
  <si>
    <t>Self-efficacy
 (average score, from a possible 1-7)</t>
  </si>
  <si>
    <t>Measured from 1 (low levels of self-efficacy) to 7 (high levels of self-efficacy)</t>
  </si>
  <si>
    <t>Local groups and organisations around here are good at getting things done
(Measured 'strongly disagree' (1) to 'strongly agree' (7))</t>
  </si>
  <si>
    <t>Having a say and being heard
(average score, from a possible 1-7)</t>
  </si>
  <si>
    <t>Measured from 1 (low feelings of having a say and being heard) to 7 (high feelings of having a say and being heard)</t>
  </si>
  <si>
    <t>My local government is able to help our community face challenges 
(Measured 'strongly disagree' (1) to 'strongly agree' (7))</t>
  </si>
  <si>
    <t>I can get involved in local decision-making processes if I want to 
(Measured 'strongly disagree' (1) to 'strongly agree' (7))</t>
  </si>
  <si>
    <t>There is 95% confidence that if the survey was repeated, the value would fall between the % disagree ± the confidence interval</t>
  </si>
  <si>
    <t>There is 95% confidence that if the survey was repeated, the value would fall between the % neither agree/disagree ± the confidence interval</t>
  </si>
  <si>
    <t>There is 95% confidence that if the survey was repeated, the value would fall between the % agree ± the confidence interval</t>
  </si>
  <si>
    <t>Spending time with friends and family
(average score, from a possible 1-7)</t>
  </si>
  <si>
    <t>Measured from 1 (low levels of informal social connectedness) to 7 (high levels of informal social connectedness)</t>
  </si>
  <si>
    <t>% Never/rarely</t>
  </si>
  <si>
    <t>% Sometimes</t>
  </si>
  <si>
    <t>%  Regularly/all the time</t>
  </si>
  <si>
    <t>Measured from 1 (low levels of involvement) to 7 (high levels of involvement)</t>
  </si>
  <si>
    <t>Confidence interval for % who never/rarely get involved</t>
  </si>
  <si>
    <t>Confidence interval for % who sometimes get involved</t>
  </si>
  <si>
    <t xml:space="preserve">Confidence interval for % who  regularly/all the time get involved </t>
  </si>
  <si>
    <t>Confidence interval for % who never volunteer</t>
  </si>
  <si>
    <t>Occasionally volunteer</t>
  </si>
  <si>
    <t>Confidence interval for % who occasionally volunteer</t>
  </si>
  <si>
    <t>I feel welcome here
(Measured 'strongly disagree' (1) to 'strongly agree' (7))</t>
  </si>
  <si>
    <t>There is 95% confidence that if the survey was repeated, the value would fall between the %± the confidence interval</t>
  </si>
  <si>
    <t>Confidence interval for % poor</t>
  </si>
  <si>
    <t>Confidence interval for % neither poor nor good</t>
  </si>
  <si>
    <t>Crime and safety in the local community
(average score, from a possible 1-7)</t>
  </si>
  <si>
    <t>Measured from 1 (low levels of safety) to 7 (high levels of safety)</t>
  </si>
  <si>
    <t>Landscape and aesthetics
(average score, from a possible 1-7)</t>
  </si>
  <si>
    <t>Measured from 1 (low landscape and aesthetics) to 7 (high landscape and aesthetics)</t>
  </si>
  <si>
    <t>Perceived environmental health
(average score, from a possible 1-7)</t>
  </si>
  <si>
    <t>Measured from 1 (poor environmental health) to 7 (good environmental health)</t>
  </si>
  <si>
    <t>Where do the data presented in this spreadsheet come from?</t>
  </si>
  <si>
    <t>Where can I find more information on the data included in this spreadsheet?</t>
  </si>
  <si>
    <t>What uses are permitted of the data in this spreadsheet?</t>
  </si>
  <si>
    <t>How representative and reliable are the data in this spreadsheet?</t>
  </si>
  <si>
    <t xml:space="preserve">Sometimes data are reported for larger regions, but not smaller regions. This is done when the number of responses to a survey question was small, and as a result there are not enough responses to break them down into small regions. This usually occurs for questions that were not asked of all survey participants, or for regions in which a smaller number of survey responses were received. </t>
  </si>
  <si>
    <t xml:space="preserve">% residents who disagree </t>
  </si>
  <si>
    <t xml:space="preserve">% residents who neither agree or disagree </t>
  </si>
  <si>
    <t xml:space="preserve">% residents who agree </t>
  </si>
  <si>
    <t>% residents who had a score of 1, 2 or 3 out of 7</t>
  </si>
  <si>
    <t>% residents who had a score of 4 out of 7</t>
  </si>
  <si>
    <t>% residents who had a score of 5, 6 or 7 out of 7</t>
  </si>
  <si>
    <t>% residents who feel liveability is getting worse</t>
  </si>
  <si>
    <t>% residents who feel liveability is neither getting better or worse</t>
  </si>
  <si>
    <t>% residents who feel liveability is getting better</t>
  </si>
  <si>
    <t>% residents who feel friendliness is getting worse</t>
  </si>
  <si>
    <t>% residents who feel friendliness is neither getting better or worse</t>
  </si>
  <si>
    <t>% residents who feel friendliness is getting better</t>
  </si>
  <si>
    <t>% residents who feel local economy is getting worse</t>
  </si>
  <si>
    <t>% residents who feel local economy is neither getting better or worse</t>
  </si>
  <si>
    <t>% residents who feel local economy is getting better</t>
  </si>
  <si>
    <t>% residents who feel landscape and surrounds are getting worse</t>
  </si>
  <si>
    <t>% residents who feel landscape and surrounds are  neither getting better or worse</t>
  </si>
  <si>
    <t>% residents who feel landscape and surrounds are getting better</t>
  </si>
  <si>
    <t>% residents $0-$51,999</t>
  </si>
  <si>
    <t>% residents who were poor or very poor</t>
  </si>
  <si>
    <t>% residents who were just getting along</t>
  </si>
  <si>
    <t>% residents who were reasonably comfortable</t>
  </si>
  <si>
    <t>% residents who selected none of the financial distress items</t>
  </si>
  <si>
    <t>% residents who reported good health</t>
  </si>
  <si>
    <t>% residents who never/rarely get involved</t>
  </si>
  <si>
    <t>% residents who sometimes get involved</t>
  </si>
  <si>
    <t xml:space="preserve">% residents who regularly/all the time get involved </t>
  </si>
  <si>
    <t>% residents who reported 1 out of 7</t>
  </si>
  <si>
    <t>% residents who reported 2, 3 or 4 out of 7</t>
  </si>
  <si>
    <t>% residents who reported 5, 6 or 7 out of 7</t>
  </si>
  <si>
    <t>% residents whose income is between $0 and $51,999</t>
  </si>
  <si>
    <t>% residents $52,000-$124,999</t>
  </si>
  <si>
    <t>% residents whose income is between $52,000 and $124,999</t>
  </si>
  <si>
    <t>% residents $125,000+</t>
  </si>
  <si>
    <t>% residents whose income is $125,000+</t>
  </si>
  <si>
    <t>% residents who selected 1 of the financial distress items</t>
  </si>
  <si>
    <t>% residents who selected 2, 3 or 4 of the financial distress items</t>
  </si>
  <si>
    <t>There are plenty of jobs available around here at the moment
(Measured 'strongly disagree' (1) to 'strongly agree' (7))</t>
  </si>
  <si>
    <t xml:space="preserve">% residents with no or very low financial distress  </t>
  </si>
  <si>
    <t xml:space="preserve">% residents with low-moderate financial distress </t>
  </si>
  <si>
    <t xml:space="preserve">% residents with high financial distress </t>
  </si>
  <si>
    <t>% residents who reported fair health</t>
  </si>
  <si>
    <t xml:space="preserve">Confidence interval for % fair </t>
  </si>
  <si>
    <t>% residents who reported poor health</t>
  </si>
  <si>
    <t xml:space="preserve">Confidence interval for % good </t>
  </si>
  <si>
    <t xml:space="preserve">Confidence interval for % very good </t>
  </si>
  <si>
    <t>% residents who reported very good health</t>
  </si>
  <si>
    <t>% residents who reported excellent health</t>
  </si>
  <si>
    <t>Confidence interval for % excellent</t>
  </si>
  <si>
    <t>K6 psychological distress</t>
  </si>
  <si>
    <t xml:space="preserve">The Kessler six-item measure of General Psychological Distress (the ‘K6’) is measured by asking respondents ‘in the last four weeks, how often have you felt… Nervous?, Hopeless?, Restless or fidgety?, Depressed?, That everything was an effort?, Worthless?'
For each of the 6 items, participants indicated whether they had felt this way: none of the time (1), a little of the time (2), some of the time (3), most of the time (4), or all of the time (5). Total scores were added across these 6 items, to give an overall score of distress measured from a lowest possible score of 6 (no distress at all) to a maximum of 30 (the most severe distress). </t>
  </si>
  <si>
    <t>K6 - distribution of responses</t>
  </si>
  <si>
    <t>% residents with a K6 score between 6 and 18</t>
  </si>
  <si>
    <t>Confidence interval for % 6-18</t>
  </si>
  <si>
    <t>% residents with a K6 score 19-30</t>
  </si>
  <si>
    <t>Confidence interval for % 19-30</t>
  </si>
  <si>
    <t>Low probability of serious mental illness (6-18)</t>
  </si>
  <si>
    <t>High probability of serious mental illness (19-30)</t>
  </si>
  <si>
    <t>I am confident I can achieve the things I want in my work
(Measured 'strongly disagree' (1) to 'strongly agree' (7))</t>
  </si>
  <si>
    <t>K6 psychological distress (average score, from a possible 6-30)</t>
  </si>
  <si>
    <t>K6 psychological distress - distribution of responses</t>
  </si>
  <si>
    <t>I attend meetings/social events of local clubs/groups e.g. Lions, CWA
'(Measured 'never or almost never' (1) to 'all the time' (7))</t>
  </si>
  <si>
    <t>I take part in sports groups or teams
'(Measured 'never or almost never' (1) to 'all the time' (7))</t>
  </si>
  <si>
    <t>Never or almost never volunteer</t>
  </si>
  <si>
    <t>Volunteering - distribution of responses
'(Measured 'never or almost never' (1) to 'all the time' (7))</t>
  </si>
  <si>
    <t>Living costs are affordable here
(Measured 'strongly disagree' (1) to 'strongly agree' (7))</t>
  </si>
  <si>
    <t>For more information about data, see the reports available on our website, www.regionalwellbeing.org.au. The measures presented in this table are described in detail in the 'Wellbeing, Resilience and Liveability in Regional Australia' report of the 2015 Regional Wellbeing Survey, downloadable from the '2015 Regional Wellbeing Survey reports and results' section of our website.</t>
  </si>
  <si>
    <t>Eudaimonic Wellbeing Domains</t>
  </si>
  <si>
    <t xml:space="preserve">To what extent do you feel the things you do in your life are worthwhile?
</t>
  </si>
  <si>
    <t>How much do you feel your life has purpose?</t>
  </si>
  <si>
    <t xml:space="preserve">How meaningful does your life feel?
</t>
  </si>
  <si>
    <t>Migration</t>
  </si>
  <si>
    <t>People shifting away from the area
(measured 'not a problem' (1) to 'very big problem' (7))</t>
  </si>
  <si>
    <t>% residents who rated it as poor</t>
  </si>
  <si>
    <t>I have the skills and education I need to achieve what I want to in life
(Measured 'strongly disagree' (1) to 'strongly agree' (7))</t>
  </si>
  <si>
    <t>Contributing to local governance</t>
  </si>
  <si>
    <t>I actively contribute to discussion and decision making in my local region, e.g. local government, school, councils, or business groups
(Measured 'strongly disagree' (1) to 'strongly agree' (7))</t>
  </si>
  <si>
    <t>Getting involved in the community</t>
  </si>
  <si>
    <t>Getting involved in the community
 (average score, from a possible 1-7)</t>
  </si>
  <si>
    <t>Community events e.g. festivals
'(Measured 'very poor' (1) to 'very good' (7))</t>
  </si>
  <si>
    <t>Access to health and education services</t>
  </si>
  <si>
    <t>Availability of good local restaurants/cafes
(Measured 'very poor' (1) to 'very good' (7))</t>
  </si>
  <si>
    <t>Access to local government services</t>
  </si>
  <si>
    <t>Local government services
(Measured 'very poor' (1) to 'very good' (7))</t>
  </si>
  <si>
    <t>Mobile phone reception
(Measured 'very poor' (1) to 'very good' (7))</t>
  </si>
  <si>
    <t>Access to telecommunications
(average score, from a possible 1-7)</t>
  </si>
  <si>
    <t>Measured from 1 (low levels of telecommunications) to 7 (high levels of telecommunications)</t>
  </si>
  <si>
    <t>Eudaimonic Wellbeing Index</t>
  </si>
  <si>
    <t>Eudaimonic Wellbeing Index
(average score, from a possible 0-100)</t>
  </si>
  <si>
    <t xml:space="preserve">
</t>
  </si>
  <si>
    <t>Measured from 0 (low not at all) to 100 (very much so)</t>
  </si>
  <si>
    <t>Measured from 0 (not at all) to 100 (very much so)</t>
  </si>
  <si>
    <t xml:space="preserve">Wellbeing - Emotional Affect Index  </t>
  </si>
  <si>
    <t>Wellbeing - Emotional Affect Index</t>
  </si>
  <si>
    <t>Wellbeing - Emotional Affect individual measures</t>
  </si>
  <si>
    <t>% residents who felt not at all happy</t>
  </si>
  <si>
    <t>% residents who felt happy all the time</t>
  </si>
  <si>
    <t>% residents who felt happy sometimes</t>
  </si>
  <si>
    <t>Confidence interval for % who felt not at all happy</t>
  </si>
  <si>
    <t>Confidence interval for % who felt happy sometimes</t>
  </si>
  <si>
    <t>Confidence interval for % who  felt happy all the time</t>
  </si>
  <si>
    <t>% residents who felt not at all worried</t>
  </si>
  <si>
    <t>Confidence interval for % who felt not at all worried</t>
  </si>
  <si>
    <t>% residents who felt worried sometimes</t>
  </si>
  <si>
    <t>Confidence interval for % who felt worried sometimes</t>
  </si>
  <si>
    <t>% residents who felt worried all the time</t>
  </si>
  <si>
    <t>Confidence interval for % who  felt worried all the time</t>
  </si>
  <si>
    <t>% residents who felt not at all depressed</t>
  </si>
  <si>
    <t>Confidence interval for % who felt not at all depressed</t>
  </si>
  <si>
    <t>% residents who felt depressed sometimes</t>
  </si>
  <si>
    <t>Confidence interval for % who felt depressed sometimes</t>
  </si>
  <si>
    <t>% residents who felt depressed all the time</t>
  </si>
  <si>
    <t>Confidence interval for % who  felt depressed all the time</t>
  </si>
  <si>
    <t>To what extent are the following problems/challenges in your community at the moment? - Conflict/disagreement between some people
(Measured 'not a problem' (1) to 'very big problem' (7))</t>
  </si>
  <si>
    <t>Confidence interval for % who rated it as neither poor or good</t>
  </si>
  <si>
    <t>Confidence interval for % who  rated it as good</t>
  </si>
  <si>
    <t>I make time to keep in touch with my friends
'(Measured 'never or almost never' (1) to 'all the time' (7))</t>
  </si>
  <si>
    <t>I spend time doing things with family members who don’t live with me
'(Measured 'never or almost never' (1) to 'all the time' (7))</t>
  </si>
  <si>
    <t>Self-rated financial wellbeing - distribution of responses
(Measured 'very poor' (1) to 'prosperous' (6))</t>
  </si>
  <si>
    <t>% residents who indicated they were poor (2) or very poor (1)</t>
  </si>
  <si>
    <t>% residents who indicated they were just getting along (3)</t>
  </si>
  <si>
    <t>% residents who indicated they were reasonably comfortable (4)</t>
  </si>
  <si>
    <t>Confidence interval for low-moderate financial distress</t>
  </si>
  <si>
    <t>Confidence interval for high financial distress</t>
  </si>
  <si>
    <t>% residents who reported low emotional affect</t>
  </si>
  <si>
    <t>% residents who reported moderate emotional affect</t>
  </si>
  <si>
    <t>% residents who reported high emotional affect</t>
  </si>
  <si>
    <t>Confidence interval for % who reported low emotional affect</t>
  </si>
  <si>
    <t>Confidence interval for % who reported moderate emotional affect</t>
  </si>
  <si>
    <t>Confidence interval for % who reported high emotional affect</t>
  </si>
  <si>
    <t>Yesterday, did you feel happy
(Measured 'not at all' (0) to 'all of the time' (10))</t>
  </si>
  <si>
    <t>Yesterday, did you feel worried
(Measured 'not at all' (0) to 'all of the time' (10))</t>
  </si>
  <si>
    <t>Yesterday, did you feel depressed
(Measured 'not at all' (0) to 'all of the time' (10))</t>
  </si>
  <si>
    <t>Measured from 6 (no distress at all) to a maximum of 30 (the most severe distress)</t>
  </si>
  <si>
    <t xml:space="preserve"> I am confident I can achieve the things I want in life
(Measured 'strongly disagree' (1) to 'strongly agree' (7))</t>
  </si>
  <si>
    <t>Safety of the local area
(Measured 'very poor' (1) to 'very good' (7))</t>
  </si>
  <si>
    <t>Crime
(Measured 'not a problem' (1) to 'very big problem' (7))</t>
  </si>
  <si>
    <t>Drug abuse
(Measured 'not a problem' (1) to 'very big problem' (7))</t>
  </si>
  <si>
    <t>Alcohol abuse
(Measured 'not a problem' (1) to 'very big problem' (7))</t>
  </si>
  <si>
    <t>Domestic violence
(Measured 'not a problem' (1) to 'very big problem' (7))</t>
  </si>
  <si>
    <t>Confidence interval for % who rated poor</t>
  </si>
  <si>
    <t>% residents who rated it as neither poor or good</t>
  </si>
  <si>
    <t xml:space="preserve">% residents who rated it as good </t>
  </si>
  <si>
    <t>% residents who rated not a problem</t>
  </si>
  <si>
    <t>Confidence interval for % who  don't know</t>
  </si>
  <si>
    <t>% residents who don't know</t>
  </si>
  <si>
    <t>Measured from 1 strongly disagree) to 7 (strongly agree)</t>
  </si>
  <si>
    <t>Measured from 1 (not a problem) to 7 (very big problem)</t>
  </si>
  <si>
    <t>Measured from 1 (very poor) to 7 (very good)</t>
  </si>
  <si>
    <t>Measured from 1 (strongly disagree) to 7 (strongly agree)</t>
  </si>
  <si>
    <t>Measured from 1 (never or almost never) to 7 (all the time)</t>
  </si>
  <si>
    <t>% Poor</t>
  </si>
  <si>
    <t>% Fair</t>
  </si>
  <si>
    <t>% Good</t>
  </si>
  <si>
    <t>% Very good</t>
  </si>
  <si>
    <t>% Excellent</t>
  </si>
  <si>
    <t>% residents who rated access as poor</t>
  </si>
  <si>
    <t>% residents who rated access as neither poor nor good</t>
  </si>
  <si>
    <t>% residents who rated access as good</t>
  </si>
  <si>
    <t>Confidence interval for % who don't know</t>
  </si>
  <si>
    <t>% residents who rated access as neither poor or good</t>
  </si>
  <si>
    <t>Confidence interval for % neither poor or good</t>
  </si>
  <si>
    <t>Respondents were asked how often they volunteer in their local community e.g. for groups like fire brigades, sports clubs, school canteen, meals on wheels, festivals, on a 7-point scale from 'never or almost never' (1) through to 'all the time' (7). The 'volunteering' measure was reported as an average and at the proportional level of never or almost never/occasionally/all the time.</t>
  </si>
  <si>
    <t>Volunteer all the time</t>
  </si>
  <si>
    <t>Confidence interval for % who volunteer all the time</t>
  </si>
  <si>
    <t>If I could, I would shift to live in another community
(measured 'strongly disagree' (1) to 'strongly agree' (7))</t>
  </si>
  <si>
    <t>Confidence interval for % Never/rarely</t>
  </si>
  <si>
    <t>Confidence interval for % Sometimes</t>
  </si>
  <si>
    <t>Confidence interval for % regularly/all the time</t>
  </si>
  <si>
    <t>Wellbeing-  Emotional Affect Index - distribution of responses</t>
  </si>
  <si>
    <t>Confidence interval for % problem</t>
  </si>
  <si>
    <t>% residents who rated lack of food as moderate problem</t>
  </si>
  <si>
    <t>Confidence interval for % moderate</t>
  </si>
  <si>
    <t>Confidence interval for % not a problem</t>
  </si>
  <si>
    <t>Financial distress distribution</t>
  </si>
  <si>
    <t xml:space="preserve">% low </t>
  </si>
  <si>
    <t>(below scores of 60)</t>
  </si>
  <si>
    <t>% high</t>
  </si>
  <si>
    <t>(above scores of 80)</t>
  </si>
  <si>
    <t>Confidence interval for low score</t>
  </si>
  <si>
    <t>Confidence interval for high score</t>
  </si>
  <si>
    <t xml:space="preserve">….your health
</t>
  </si>
  <si>
    <t xml:space="preserve">….what you are currently achieving in life
</t>
  </si>
  <si>
    <t>Changes in community liveability</t>
  </si>
  <si>
    <t>Access to health and education (average score, from a possible 1-7)</t>
  </si>
  <si>
    <t>Access to local government services  (average score, from a possible 1-7)</t>
  </si>
  <si>
    <t>% residents who had a score of 6 or 7 out of 7</t>
  </si>
  <si>
    <t>% residents who rated it as a moderate problem</t>
  </si>
  <si>
    <t>% residents who had a score of 4 or 5 out of 7</t>
  </si>
  <si>
    <t>Confidence interval for % who rated it as a moderate problem</t>
  </si>
  <si>
    <t>% residents who rated it as a large problem</t>
  </si>
  <si>
    <t>Confidence interval for % who rated it as a large problem</t>
  </si>
  <si>
    <t>% residents who rated it as no/low problem</t>
  </si>
  <si>
    <t>Confidence interval for % who rated it as no/low problem</t>
  </si>
  <si>
    <t>Australia</t>
  </si>
  <si>
    <t>Regional Australia</t>
  </si>
  <si>
    <t>Urban Australia</t>
  </si>
  <si>
    <t xml:space="preserve">Self-efficacy </t>
  </si>
  <si>
    <t xml:space="preserve">Self-efficacy measures </t>
  </si>
  <si>
    <t xml:space="preserve">Access to telecommunications </t>
  </si>
  <si>
    <t xml:space="preserve">Crime and safety in the local community </t>
  </si>
  <si>
    <t xml:space="preserve">Crime and safety in the local community measures  </t>
  </si>
  <si>
    <t>Measured from 0 (low emotional affect) to 10 (high emotional affect)</t>
  </si>
  <si>
    <t>Regional NSW</t>
  </si>
  <si>
    <t>New South Wales (NSW)</t>
  </si>
  <si>
    <t>Explanatory notes</t>
  </si>
  <si>
    <t>Respondents were asked ‘how would you rate your general health?’, and asked to select one of the following options: poor, fair, good, very good or excellent. 
Responses are reported  as an average and as the % providing each response.</t>
  </si>
  <si>
    <t xml:space="preserve">The Community Wellbeing Index is the average score of answers to five questions on the survey, each of which is measured on a 7-point scale from ‘strongly disagree’ (1) to ‘strongly agree’ (7). 
The items included in the index were: (i) My community is a great place to live, (ii) This community copes pretty well when faced with challenges, (iii) I feel proud to live in this community, (iv) This community has a bright future, and (v) There's good community spirit around here. </t>
  </si>
  <si>
    <t>Community wellbeing
 (average score, from a possible 1-7)</t>
  </si>
  <si>
    <t>Community Wellbeing Index</t>
  </si>
  <si>
    <t>My community is a great place to live
(Measured 'strongly disagree' (1) to 'strongly agree' (7))</t>
  </si>
  <si>
    <t>I feel proud to live in this community
(Measured 'strongly disagree' (1) to 'strongly agree' (7))</t>
  </si>
  <si>
    <t>This community has a bright future
(Measured 'strongly disagree' (1) to 'strongly agree' (7))</t>
  </si>
  <si>
    <t>There's good community spirit around here
(Measured 'strongly disagree' (1) to 'strongly agree' (7))</t>
  </si>
  <si>
    <t>Likelihood of shifting in the next 12 months 
(measured 'very unlikely' (1) to 'very likely' (5))</t>
  </si>
  <si>
    <t xml:space="preserve">% residents who were unlikely to shift </t>
  </si>
  <si>
    <t xml:space="preserve">Confidence interval for % who were unlikely to shift </t>
  </si>
  <si>
    <t xml:space="preserve">% residents who were neither likely or unlikely to shift </t>
  </si>
  <si>
    <t>Confidence interval for % who neither likely or unlikely to shift</t>
  </si>
  <si>
    <t xml:space="preserve">% residents who were likely to shift  </t>
  </si>
  <si>
    <t>Confidence interval for % who  were likely to shift</t>
  </si>
  <si>
    <t>% residents who had a score of 1 or 2 out of 5</t>
  </si>
  <si>
    <t>There is 95% confidence that if the survey was repeated, the value would fall between the %  ± the confidence interval</t>
  </si>
  <si>
    <t>% residents who had a score of 3 out of 5</t>
  </si>
  <si>
    <t>% residents who had a score of 4 or 5 out of 5</t>
  </si>
  <si>
    <t>This community is financially well-off
(Measured 'strongly disagree' (1) to 'strongly agree' (7))</t>
  </si>
  <si>
    <t>Local businesses in this town are doing pretty well at the moment
(Measured 'strongly disagree' (1) to 'strongly agree' (7))</t>
  </si>
  <si>
    <t xml:space="preserve">Respondents were asked to identify how much they agreed or disagreed, on a 7-point scale from  'strongly disagree' (1) to 'strongly agree' (7), with the following statements: (i) I am confident I can achieve the things I want in life, (ii) I am confident I can achieve the things I want in my work, and (iii) I have the skills and education I need to achieve what I want to in life. Responses to these statements were averaged to form a single measure of self-efficacy, scored from 1 (low self-efficacy) to 7 (high self-efficacy). 
</t>
  </si>
  <si>
    <t>The human capital available to communities was measured by asking survey participants how much they agreed with the following three statements, from 'strongly disagree' (1) to 'strongly agree' (7): (i) People around here are good at getting help and ideas from other communities; (ii) Whatever the problem, someone in this community takes the lead in sorting it out; and (iii) Local groups and organisations around here are good at getting things done.
Responses to these three statements were averaged to form a single measure of community leadership and collaboration, measured from 1 (low levels of leadership and collaboration) to 7 (high levels of leadership and collaboration).</t>
  </si>
  <si>
    <t xml:space="preserve"> Community leadership and collaboration
(average score, from a possible 1-7)</t>
  </si>
  <si>
    <t>Measured from 1 (low levels of community human capital in the form of leadership and collaboration) to 7 (high levels of leadership and collaboration)</t>
  </si>
  <si>
    <t>People around here are good at getting help and ideas from other communities
(Measured 'strongly disagree' (1) to 'strongly agree' (7))</t>
  </si>
  <si>
    <t>Whatever the problem, someone in this community takes the lead in sorting it out
(Measured 'strongly disagree' (1) to 'strongly agree' (7))</t>
  </si>
  <si>
    <t>The people who make decisions for my community represent the whole community, not just part of it 
(Measured 'strongly disagree' (1) to 'strongly agree' (7))</t>
  </si>
  <si>
    <t>Most people get a fair go around here
(Measured 'strongly disagree' (1) to 'strongly agree' (7))</t>
  </si>
  <si>
    <t xml:space="preserve">Equity and inclusion was measured by asking survey participants how much they agreed with the following two statements, from 'strongly disagree' (1) to 'strongly agree' (7): (i) Some groups in this community keep to themselves; (ii) Some groups who live in this community aren’t made to feel welcome; and the statement 'Conflict/disagreement between some people' from 'not a problem' (1) to 'very big problem' (7).
Responses to these statements were averaged to form a single measure of equity and inclusion by (i) reversing the scoring of each, so that low scores indicated poor equity and low inclusion, and high scores indicated high levels of equity and inclusion; and (ii) calculating the average score across the three variables. </t>
  </si>
  <si>
    <t>Equity and inclusion
(average score, from a possible 1-7)</t>
  </si>
  <si>
    <t>Measured from 1 (low levels of inclusion and equity) to 7 (high levels of inclusion and equity)</t>
  </si>
  <si>
    <t>Some groups in this community keep to themselves
(Measured 'strongly disagree' (1) to 'strongly agree' (7))</t>
  </si>
  <si>
    <t>Some groups who live in this community aren’t made to feel welcome
(Measured 'strongly disagree' (1) to 'strongly agree' (7))</t>
  </si>
  <si>
    <t>Informal social connectedness was measured by asking survey participants how often they did the following, on a scale measured from 'never' (1) to 'all the time' (7):
(i) I make time to keep in touch with my friends; (ii) I chat with my neighbours; and (iii) I spend time doing things with family members who don’t live with me.
The ‘friends and family’ measure was calculated as the average of these three items, from 1 (low levels of informal social connectedness) to 7 (high levels of informal social connectedness).</t>
  </si>
  <si>
    <t>I chat with my neighbours
'(Measured 'never' (1) to 'all the time' (7))</t>
  </si>
  <si>
    <t>The extent of a person’s involvement in local community activities was examined by asking survey participants how frequently they took part in the following types of activities, on a scale from 'never or almost never' (1) to 'all the time' (7): (i) I attend community events such as farmers markets, community festivals; (ii) I attend meetings/social events of local clubs/groups e.g. Lions, CWA; and (iii) I take part in sports groups or teams.
The ‘getting involved’ measure was calculated as the average of these items, from 1 (low levels of involvement) to 7 (high levels of involvement).</t>
  </si>
  <si>
    <t>I attend community events such as farmers markets, community festivals
'(Measured 'never or almost never' (1) to 'all the time' (7))</t>
  </si>
  <si>
    <t>A person’s sense of belonging was measured by asking survey participants how much they agreed with the following three statements, from 'strongly disagree' (1) to 'strongly agree' (7): (i) I feel welcome here; (ii) I feel part of my community; and (iii) I feel like an outsider here. 
The ‘belonging’ measure was calculated as the average score for these three variables, after the scoring for ‘I feel like an outsider here’ was reversed, from 1 (low sense of belonging) to 7 (high sense of belonging).</t>
  </si>
  <si>
    <t>Measured from 1 (low sense of belonging) to 7 (high sense of belonging)</t>
  </si>
  <si>
    <t>Sense of belonging measures</t>
  </si>
  <si>
    <t>I feel part of my community 
(Measured 'strongly disagree' (1) to 'strongly agree' (7))</t>
  </si>
  <si>
    <t>I feel like an outsider here 
(Measured 'strongly disagree' (1) to 'strongly agree' (7))</t>
  </si>
  <si>
    <t xml:space="preserve">Access to health, education  and child care </t>
  </si>
  <si>
    <t xml:space="preserve"> Access to health, education and child care
(average score, from a possible 1-7)</t>
  </si>
  <si>
    <t>Access to health, education and child care measures</t>
  </si>
  <si>
    <t>General health services e.g. GP, general health consultation services
(Measured 'very poor' (1) to 'very good' (7))</t>
  </si>
  <si>
    <t>Mental health services e.g. psychologist, psychiatrist
(Measured 'very poor' (1) to 'very good' (7))</t>
  </si>
  <si>
    <t>Specialist health services (other than mental health)
(Measured 'very poor' (1) to 'very good' (7))</t>
  </si>
  <si>
    <t>Quality of local schools
(Measured 'very poor' (1) to 'very good' (7))</t>
  </si>
  <si>
    <t>Access to childcare
(Measured 'very poor' (1) to 'very good' (7))</t>
  </si>
  <si>
    <t>Access to health, education, and child care was measured by asking respondents to rate their access to the following types of services in their local community, on a scale ranging from 'very poor' (1) to 'very good' (7): (i) General health services e.g. GP, general health consultation services; (ii) Mental health services e.g. psychologist, psychiatrist; (iii) Specialist health services (other than mental health); (iv) quality of local schools (v) access to child care.
A single measure of overall access to health, education, aged and child care was then constructed based on the average score of a person’s responses to these items, after excluding respondents who were unsure whether there was access to a given service.</t>
  </si>
  <si>
    <t>Access to roads and public transport</t>
  </si>
  <si>
    <t xml:space="preserve"> Access to roads and public transport
(average score, from a possible 1-7)</t>
  </si>
  <si>
    <t>Access to roads and public transport was measured by asking respondents to rate their access to the following types of services in their local community, on a scale ranging from 'very poor' (1) to 'very good' (7): (i) Quality of local roads; and (ii) Access to public transport (including taxis, buses, trains).
A single measure of overall access to roads and public transport was then constructed based on the average score of a person’s responses to these two items.</t>
  </si>
  <si>
    <t>Quality of local roads 
(Measured 'very poor' (1) to 'very good' (7))</t>
  </si>
  <si>
    <t>Access to public transport (including taxis, buses, trains)
(Measured 'very poor' (1) to 'very good' (7))</t>
  </si>
  <si>
    <t>Access to food</t>
  </si>
  <si>
    <t xml:space="preserve">Access to food </t>
  </si>
  <si>
    <t>Access to food 
(average score, from a possible 1-7)</t>
  </si>
  <si>
    <t>Availability of fresh fruit and vegetables
(Measured 'very poor' (1) to 'very good' (7))</t>
  </si>
  <si>
    <t>Telecommunications items are reported individually. Each was measured on a 7-point scale, from 'very poor' (1) to 'very good' (7), and included: 
(i) How good or poor are the following things in your local region at the moment - Mobile phone reception and (ii) access to high speed, reliable internet
Responses are reported at the proportional level of poor/neither/good access.</t>
  </si>
  <si>
    <t>Access to high speed, reliable internet
(Measured 'very poor' (1) to 'very good' (7))</t>
  </si>
  <si>
    <t>Access to financial and professional services</t>
  </si>
  <si>
    <t xml:space="preserve">Access to financial and professional services was measured by asking respondents to rate their access to the following types of services in their local community, on a scale ranging from 'very poor' (1) to 'very good' (7): (i) Banking and financial services; and (ii) Professional services e.g. accountants, lawyers.
A single measure of overall access to financial and professional services was then constructed by taking the average score of responses to these three items. </t>
  </si>
  <si>
    <t>Access to financial and professional services
(average score, from a possible 1-7)</t>
  </si>
  <si>
    <t>Access to financial and professional services measures</t>
  </si>
  <si>
    <t>Banking and financial services
(Measured 'very poor' (1) to 'very good' (7))</t>
  </si>
  <si>
    <t>Professional services e.g. accountants, lawyers
(Measured 'very poor' (1) to 'very good' (7))</t>
  </si>
  <si>
    <t>% poor</t>
  </si>
  <si>
    <t>% neither poor nor good</t>
  </si>
  <si>
    <t>% good</t>
  </si>
  <si>
    <t>The attractiveness of the landscape a person lived in was measured by asking respondents how much they agreed or disagreed with the following statements, measured on a scale of 'strongly disagree (1) to 'strongly agree' (7): (i) I like the environment and surrounds I live in; (ii) There are attractive buildings / homes in my community; and (iii) There are attractive natural places in my community e.g. parks, bushland. 
The ‘landscape and aesthetics’ scale was then constructed as the average score of responses to these three items.</t>
  </si>
  <si>
    <t>I like the environment and surrounds I live in
(Measured 'strongly disagree' (1) to 'strongly agree' (7))</t>
  </si>
  <si>
    <t>There are attractive buildings / homes in my community
(Measured 'strongly disagree' (1) to 'strongly agree' (7))</t>
  </si>
  <si>
    <t>There are attractive natural places in my community e.g. parks, bushland
(Measured 'strongly disagree' (1) to 'strongly agree' (7))</t>
  </si>
  <si>
    <t>Perceived environmental health was measured by asking survey participants the extent to which they felt any of the following were a problem in their local region, on a scale from 'not a problem (1) to 'big problem' (7): (i) Water quality problems other than salinity, in rivers, lake or waterways; (ii) Soil erosion; (iii) Poor soil health other than soil erosion e.g. soil compaction; (iv) Pest fish species e.g. carp; (v) Loss of vegetation (trees, shrubs); (vi) Declining numbers of some native animals or birds; (vii) Invasive weeds; (viii) Salinity (in soil or waterways); (ix) Environmental degradation in general; (x) Feral animals e.g. pigs, goats, wild dogs, rabbits; and (xi) Declining numbers of native fish.
The average score of these variables was calculated as a measure of perceived environmental health. Scores for each item were reversed before calculation of the scale, so that a score of 1 represented poor environmental health, and a score of 7 represented good environmental health.</t>
  </si>
  <si>
    <t>Water quality problems other than salinity, in rivers, lake or waterways
(Measured 'Not a problem' (1) to 'Big problem' (7))</t>
  </si>
  <si>
    <t>Soil erosion
(Measured 'Not a problem' (1) to 'Big problem' (7))</t>
  </si>
  <si>
    <t>Poor soil health other than soil erosion e.g. soil compaction
(Measured 'Not a problem' (1) to 'Big problem' (7))</t>
  </si>
  <si>
    <t>Pest fish species e.g. carp
(Measured 'Not a problem' (1) to 'Big problem' (7))</t>
  </si>
  <si>
    <t>Loss of vegetation (trees, shrubs)
(Measured 'Not a problem' (1) to 'Big problem' (7))</t>
  </si>
  <si>
    <t>Declining numbers of some native animals or birds
(Measured 'Not a problem' (1) to 'Big problem' (7))</t>
  </si>
  <si>
    <t>Invasive weeds
(Measured 'Not a problem' (1) to 'Big problem' (7))</t>
  </si>
  <si>
    <t>Salinity (in soil or waterways)
(Measured 'Not a problem' (1) to 'Big problem' (7))</t>
  </si>
  <si>
    <t>Environmental degradation in general
(Measured 'Not a problem' (1) to 'Big problem' (7))</t>
  </si>
  <si>
    <t>Feral animals e.g. pigs, goats, wild dogs, rabbits
(Measured 'Not a problem' (1) to 'Big problem' (7))</t>
  </si>
  <si>
    <t>Declining numbers of native fish
(Measured 'Not a problem' (1) to 'Big problem' (7))</t>
  </si>
  <si>
    <t>% Not a problem</t>
  </si>
  <si>
    <t>% Moderate problem</t>
  </si>
  <si>
    <t>Confidence interval for % Moderate problem</t>
  </si>
  <si>
    <t>%  Big problem</t>
  </si>
  <si>
    <t>Confidence interval for % Not a problem</t>
  </si>
  <si>
    <t>% residents who were very comfortable or prosperous</t>
  </si>
  <si>
    <t>% residents who indicated they were very comfortable (5) or prosperous (6)</t>
  </si>
  <si>
    <t xml:space="preserve">The Personal Wellbeing Index measures a person’s wellbeing on a score from 0-100. This score is calculated based on answers of respondents, to the question 'How satisfied are you with': (i) Your standard of living, (ii) Your health, (iii) What you are currently achieving in life, (iv) Your personal relationships, (v) How safe you feel, (vi) Feeling part of your community, and (vii) Your future security. Scores were measured for each item on a scale from 'completely dissatisfied' (0) to 'completely satisfied' (10), each of which was transformed to a scale of 0-100 prior to calculating the average score. </t>
  </si>
  <si>
    <t>% residents who reported a score below 6</t>
  </si>
  <si>
    <t>% residents who reported a score of 6 to 8</t>
  </si>
  <si>
    <t>% residents who reported a score of above 8</t>
  </si>
  <si>
    <t xml:space="preserve">The data in this spreadsheet were produced from the 2018 Regional Wellbeing Survey. Information about the survey is available at www.regionalwellbeing.org.au. </t>
  </si>
  <si>
    <t>The data presented in this spreadsheet are from a survey of adult residents of this region. All surveys have some bias in the responses they receive. The 2018 Regional Wellbeing Survey data have, except where otherwise noted, been weighted to ensure responses appropriately represent the true distribution of people in the community based on the following characteristics: (i) gender, (ii) age, (iii) whether the respondent was a farmer or non-farmer, and (iv) geographic region. This weighting was done using the GREGWT survey reweighting technique. While this weighting has addressed key sources of survey response bias, it is likely that some response bias remains. Confidence in the representativeness of data is highest when there are larger sample sizes. Where the number of people who answered a question is low - particularly where it is below 100 - data should be considered less reliable. The Regional Wellbeing Survey 'Wellbeing, Resilience and Liveability in Regional Australia' report, downloadable from the '2015 Regional Wellbeing Survey reports and results' section of our website, includes a more detailed discussion of reliability of the survey data, which should be referred to when interpreting the data in this spreadsheet.</t>
  </si>
  <si>
    <t>Likelihood of shifting to a new community</t>
  </si>
  <si>
    <t>Access to community events</t>
  </si>
  <si>
    <t>% residents who reported moderate access to community events</t>
  </si>
  <si>
    <t>% residents who reported good or very good access to community events</t>
  </si>
  <si>
    <t>Confidence interval for % who had good or very good access to community events</t>
  </si>
  <si>
    <t>Confidence interval for % who had moderate access to community events</t>
  </si>
  <si>
    <t>Confidence interval for % who had poor or very poor access to community events</t>
  </si>
  <si>
    <t>% residents who reported poor or very poor access to community events</t>
  </si>
  <si>
    <t>The extent to which rural and regional Australians felt they could have a say in their community, and that they would be heard if they did, was measured by asking survey participants how much they agreed with the following four statements, from 'strongly disagree' (1) to 'strongly agree' (7): (i) My local government is able to help our community face challenges; (ii) The people who make decisions for my community represent the whole community, not just part of it; (iii) I can get involved in local decision-making processes if I want to; and (iv) Most people get a fair go around here.
Responses to these statements were averaged to form a single measure, from 1 (low confidence in being able to have a say and being heard) to 7 (high confidence in being able to have a say and being heard).</t>
  </si>
  <si>
    <t>% residents who disagreed</t>
  </si>
  <si>
    <t>Confidence interval for % who disagreed</t>
  </si>
  <si>
    <t>% residents who neither agreed or disagreed</t>
  </si>
  <si>
    <t>Confidence interval for % who neither agreed or disagreed</t>
  </si>
  <si>
    <t>% residents who agreed</t>
  </si>
  <si>
    <t>Confidence interval for % who agreed</t>
  </si>
  <si>
    <t>I would recommend my community to others as a good place to live
(Measured 'strongly disagree' (1) to 'strongly agree' (7))</t>
  </si>
  <si>
    <t>Would recommend community as a good place to live</t>
  </si>
  <si>
    <t>This single item was measured on a 7-point scale, from 'strongly disagree' (1) to 'strongly agree' (7). Respondents were asked: I would recommend my community to others as a good place to live. 
Responses were reported as an average and at the proportional level of disagree/neither/agree.</t>
  </si>
  <si>
    <t>Had to delay or cancel non-essential purchases e.g. holiday, going to a restaurant or movie, buying clothes</t>
  </si>
  <si>
    <t>% residents who had to delay or cancel non-essential purchases</t>
  </si>
  <si>
    <t xml:space="preserve">% residents who selected this </t>
  </si>
  <si>
    <t>Confidence interval for delaying or cancelling non-essential purchases</t>
  </si>
  <si>
    <t>Could not pay bills on time</t>
  </si>
  <si>
    <t>Went without meals, or was unable to heat or cool home</t>
  </si>
  <si>
    <t>Asked for financial help from friends or family</t>
  </si>
  <si>
    <t>% residents who could not pay bills on time</t>
  </si>
  <si>
    <t>Confidence interval for not paying bills on time</t>
  </si>
  <si>
    <t>% residents who went without meals or were unable to heat or cool home</t>
  </si>
  <si>
    <t>Confidence interval for going without meals</t>
  </si>
  <si>
    <t>% residents who asked for financial help</t>
  </si>
  <si>
    <t>Confidence interval for asking for financial help</t>
  </si>
  <si>
    <t>Eudaimonic wellbeing domains</t>
  </si>
  <si>
    <t>Each individual item used to create the Eudaimonic Wellbeing Index is presented individually</t>
  </si>
  <si>
    <t xml:space="preserve">Emotional Affect Index </t>
  </si>
  <si>
    <t>Emotional Affect (average score, from a possible 0-10)</t>
  </si>
  <si>
    <t>Community wellbeing index</t>
  </si>
  <si>
    <t>Community wellbeing domains</t>
  </si>
  <si>
    <t>Community wellbeing (average score, from possible 1-7)</t>
  </si>
  <si>
    <t>Would recommend community</t>
  </si>
  <si>
    <t>Average score, from possible 1-7</t>
  </si>
  <si>
    <t>Community leadership and collaboration measures</t>
  </si>
  <si>
    <t>Each individual item used to create the community leadership and collaboration scale is presented individually</t>
  </si>
  <si>
    <t>Equity and inclusion measures</t>
  </si>
  <si>
    <t>Each individual item used to create the equity and inclusion scale is presented individually</t>
  </si>
  <si>
    <t>Each individual item used to create the sense of belonging scale is presented individually</t>
  </si>
  <si>
    <t>The single item for 'access to community events' is presented</t>
  </si>
  <si>
    <t>Access to health and education services measures</t>
  </si>
  <si>
    <t>Each individual item used to create the access to health and education scale is presented individually</t>
  </si>
  <si>
    <t>Access to roads and public transport measures</t>
  </si>
  <si>
    <t>Each individual item used to create the access to roads and public transport scale is presented individually</t>
  </si>
  <si>
    <t>Access to food measures</t>
  </si>
  <si>
    <t>Each individual item used to create the access to food scale is presented individually</t>
  </si>
  <si>
    <t>Access to financial and professional services (average score, from a possible 1-7)</t>
  </si>
  <si>
    <t>Eudaimonic wellbeing index</t>
  </si>
  <si>
    <t>Each individual item used to create the household financial wellbeing scale is presented individually</t>
  </si>
  <si>
    <t>Financial distress ('no financial distress' (0) to 'highest level of financial distress' (4))</t>
  </si>
  <si>
    <t>Each individual item used to create the community economic wellbeing scale is presented individually</t>
  </si>
  <si>
    <t>Each individual item used to create the self-efficacy scale is presented individually</t>
  </si>
  <si>
    <t>Each individual item used to create the having a say and being heard scale is presented individually</t>
  </si>
  <si>
    <t>Each individual item used to create the getting involved scale is presented individually</t>
  </si>
  <si>
    <t>Each individual item used to create the spending time with friends and family scale is presented individually</t>
  </si>
  <si>
    <t>Each individual item used to create the access to financial and professional services scale is presented individually</t>
  </si>
  <si>
    <t>Each individual item used to create the access to telecommunications scale is presented individually</t>
  </si>
  <si>
    <t>Each individual item used to create the crime and safety scale is presented individually</t>
  </si>
  <si>
    <t>Each individual item used to create the landscape and aesthetics scale is presented individually</t>
  </si>
  <si>
    <t>Each individual item used to create the perceived environmental health scale is presented individually</t>
  </si>
  <si>
    <t xml:space="preserve">The Eudaimonic Wellbeing Index measures a person’s eudaimonic wellbeing on a score from 0-100. This score is calculated based on answer of respondents, to the question 'thinking about your own life and personal circumstances, how do you feel about the following' and included:  (i) How meaningful does your life feel, (ii) How much do you feel your life has purpose, and (iii) To what extent do you feel the things you do in your life are worthwhile. Scores were measured for each item on a scale from 'not at all' (0) to 'very much so' (10), each of which was transformed to a scale of 0-100 prior to calculating the average score. </t>
  </si>
  <si>
    <t>The local landscape and surrounds in this community are….. 
(Measured 'getting worse' (1) to 'getting better' (7))</t>
  </si>
  <si>
    <t>Migration questions were measured using three 7-point scales. One measured the level of satisfaction from 'strongly disagree' (1) to 'strongly agree' (7), and included 'If I could, I would shift to live in another community'. 
One measured the extend of problems/challenges in their community at the moment on a scale from 'not a problem' (1)  to  'very big problem' (7) and included 'People shifting away from the area'.
One measured the likelihood of shifting from their current community on a scale from 'very unlikely' (1) to 'very likely' (5), and included 'how likely are you to shift to a new community in the next 12 months?'
Responses were reported as an average and at the proportional level of disagree/neither/agree, not a problem/low problem/moderate problem/problem, and unlikely/neither/likely.</t>
  </si>
  <si>
    <t>Confidence interval for %  $52,000-$124,999</t>
  </si>
  <si>
    <t>Confidence interval for %  $125,000+</t>
  </si>
  <si>
    <t xml:space="preserve">Regional and rural Australians were asked to rate the quality of access to (i) good local restaurants/cafes (ii) fresh fruit and vegetables (on a scale from 'very poor' (1) to 'very good' (7)), 
and the extent to which (iii) 'lack of affordable food/groceries at local shops' was a problem in their community on a scale from 'not a problem' (1) to 'very big problem' (7).
Responses are reported as an average and at the proportional level of poor/neither/good access.
</t>
  </si>
  <si>
    <t>Confidence interval for % Not Big problem</t>
  </si>
  <si>
    <t>Central West (RDA)</t>
  </si>
  <si>
    <t>Cabonne &amp; Orange (LGAs)</t>
  </si>
  <si>
    <t>Cowra, Forbes, Lachlan, Parkes &amp; Weddin (LGAs)</t>
  </si>
  <si>
    <t>Far West &amp; Orana (RDAs)</t>
  </si>
  <si>
    <t>Far West &amp; Orana - Western parts (LGAs)</t>
  </si>
  <si>
    <t>Gilgandra, Mid-Western, Narromine &amp; Warrumbungle (LGAs)</t>
  </si>
  <si>
    <t>Dubbo Regional (LGA)</t>
  </si>
  <si>
    <t>Hunter (RDA)</t>
  </si>
  <si>
    <t>Lake Macquarie (LGA)</t>
  </si>
  <si>
    <t>Mid North Coast (RDA)</t>
  </si>
  <si>
    <t>Northern Inland (RDA)</t>
  </si>
  <si>
    <t>Northern Inland - Eastern part (LGAs)</t>
  </si>
  <si>
    <t>Northern Inland - Western part (LGAs)</t>
  </si>
  <si>
    <t>Tamworth Regional (LGA)</t>
  </si>
  <si>
    <t>Northern Rivers (RDA)</t>
  </si>
  <si>
    <t>Sydney (RDA)</t>
  </si>
  <si>
    <t xml:space="preserve">The western parts of Far West &amp; Orana are a group of LGAs located in the north west of New South Wales, and include the LGAs of Bogan, Bourke, Brewarrina, Broken Hill, Central Darling, Cobar, Coonamble, Unincorporated NSW, Walgett and Warren. In total, 82 people who live in these LGAs took part in the 2018 Regional Wellbeing Survey. </t>
  </si>
  <si>
    <t>Tamworth Regional is an LGA located in the north east of New South Wales. In total, 64 people who live in this LGA took part in the 2018 Regional Wellbeing Survey.</t>
  </si>
  <si>
    <t>About the region: Northern NSW</t>
  </si>
  <si>
    <t>New South Wales</t>
  </si>
  <si>
    <t>Regional New South Wales</t>
  </si>
  <si>
    <t>Northern Inland - eastern part (LGAs)</t>
  </si>
  <si>
    <t>Northern Inland - western part (LGAs)</t>
  </si>
  <si>
    <t xml:space="preserve">Australia includes all of Australia, including all of the major cities. In total, 14,139 people from Australia took part in the 2018 Regional Wellbeing Survey, although not all these people answered every question on the survey. </t>
  </si>
  <si>
    <t xml:space="preserve">Regional Australia includes all of Australia except the cities of Sydney, Melbourne, Adelaide, Brisbane, Perth and Canberra. In total, 10,280 people from regional Australia took part in the 2018 Regional Wellbeing Survey, although not all these people answered every question on the survey. </t>
  </si>
  <si>
    <t xml:space="preserve">The Central West region is a Regional Development Australia region located in the central part of New South Wales. The region includes the local government areas (LGAs) of Bathurst, Blayney, Cabonne, Cowra, Forbes, Lachlan, Lithgow, Oberon, Orange, Parkes and Weddin. In total, 333 people who live in this region took part in the 2018 Regional Wellbeing Survey. </t>
  </si>
  <si>
    <t xml:space="preserve">Cabonne &amp; Orange are LGAs located in the central part of New South Wales. In total, 164 people who lived in these LGAs took part in the 2018 Regional Wellbeing Survey. </t>
  </si>
  <si>
    <t xml:space="preserve">Cowra, Forbes, Lachlan, Parkes &amp; Weddin are LGAs located in the central part of New South Wales. In total, 89 people who live in these LGAs took part in the 2018 Regional Wellbeing Survey. </t>
  </si>
  <si>
    <t xml:space="preserve">The Far West &amp; Orana regions are Regional Development Australia regions located in the north and north west of New South Wales. The regions include the local government areas (LGAs) of Bogan, Bourke, Brewarrina, Broken Hill, Central Darling, Cobar, Coonamble, Dubbo Regional, Gilgandra, Mid-Western, Narromine, Unincorporated NSW, Walgett, Warren and Warrumbungle. In total, 245 people who live in this region took part in the 2018 Regional Wellbeing Survey. </t>
  </si>
  <si>
    <t xml:space="preserve">Gilgandra, Mid-Western, Narromine &amp; Warrumbungle are LGAs located in the central part of New South Wales. In total, 92 people who live in these LGAs took part in the 2018 Regional Wellbeing Survey. </t>
  </si>
  <si>
    <t>Dubbo Regional is an LGA located in the central part of New South Wales, and is formerly known as Western Plains Regional. In total, 71 people who live in this LGA took part in the 2018 Regional Wellbeing Survey.</t>
  </si>
  <si>
    <t xml:space="preserve">The Hunter region is a Regional Development Australia region located in the east of New South Wales. The region includes the local government areas (LGAs) of Cessnock, Dungog, Lake Macquarie, Maitland, Mid-Coast, Muswellbrook, Newcastle, Port Stephens, Singleton and Upper Hunter. In total, 478 people who live in this region took part in the 2018 Regional Wellbeing Survey. </t>
  </si>
  <si>
    <t>Lake Macquarie is an LGA located in the east of New South Wales. In total, 231 people who live in this LGA took part in the 2018 Regional Wellbeing Survey.</t>
  </si>
  <si>
    <t xml:space="preserve">The Mid North Coast region is a Regional Development Australia region located in the north east of New South Wales. The region includes the local government areas (LGAs) of Bellingen, Coffs Harbour, Kempsey, Nambucca and Port Macquarie-Hastings. In total, 112 people who live in this region took part in the 2018 Regional Wellbeing Survey. </t>
  </si>
  <si>
    <t xml:space="preserve">The Northern Inland region is a Regional Development Australia region located in the north east of New South Wales. The region includes the local government areas (LGAs) of Armidale, Glen Innes Severn, Gunnedah, Gwydir, Inverell, Liverpool Plains, Moree Plains, Narrabri, Tamworth, Tenterfield,  Uralla and Walcha. In total, 290 people who live in this region took part in the 2018 Regional Wellbeing Survey. </t>
  </si>
  <si>
    <t xml:space="preserve">The western parts of Northern Inland are a group of LGAs located in the north east of New South Wales, and include the LGAs of Gunnedah, Gwydir, Liverpool Plains, Moree Plains and Narrabri. In total, 114 people who live in these LGAs took part in the 2018 Regional Wellbeing Survey. </t>
  </si>
  <si>
    <t xml:space="preserve">The eastern parts of Northern Inland are a group of LGAs located in the north east of New South Wales, and include the LGAs of Armidale, Glen Innes Severn, Inverell, Tenterfield, Uralla and Walcha. In total, 112 people who live in these LGAs took part in the 2018 Regional Wellbeing Survey. </t>
  </si>
  <si>
    <t xml:space="preserve">The Northern Rivers region is a Regional Development Australia region located in the north east of New South Wales. The region includes the local government areas (LGAs) of Ballina, Byron, Clarence Valley, Kyogle, Lismore, Richmond Valley and Tweed. In total, 162 people who live in this region took part in the 2018 Regional Wellbeing Survey. </t>
  </si>
  <si>
    <t xml:space="preserve">The Sydney region is a Regional Development Australia region located in the east of New South Wales. In total, 629 people who live in this region took part in the 2018 Regional Wellbeing Survey. </t>
  </si>
  <si>
    <t>% residents who rated access as a problem</t>
  </si>
  <si>
    <t xml:space="preserve">Crime and safety was measured by asking respondents five questions about safety, crime, alcohol and drug abuse and domestic violence. The questions were measured on a 7-point scale, with quality of 'Safety of the local area' measured from 'very poor' (1) to 'very good' (7), and the remaining four measures measured on a scale from 'not a problem' (1) to 'very big problem' (7) in a person's local community: (ii) Crime; (iii) Drug abuse; (iv) Alcohol abuse and; (v) Domestic violence.
The ‘crime and safety’ scale was then calculated by taking the average score of these items. Scores were reversed where appropriate so that for the scale as a whole score of 1 indicated low levels of safety, and a score of 7 high levels of safety.
</t>
  </si>
  <si>
    <t>Measured using a reversed scale from 1 (strongly agree) to 7 (strongly disagree)</t>
  </si>
  <si>
    <t>Measured using a reversed scale from 1 (very big problem) to 7 (not a problem)</t>
  </si>
  <si>
    <t xml:space="preserve">Confidence interval for % who  disagree </t>
  </si>
  <si>
    <t>Lack of affordable food/groceries at local shops
(Measured 'not a problem' (1) to 'very big problem' (7))</t>
  </si>
  <si>
    <t xml:space="preserve">Each item used to create the Personal Wellbeing Index is presented individually. 
The personal wellbeing domain questions ask 'How satisfied are you with'   (i) Your standard of living, (ii) Your health, (iii) What you are currently achieving in life, 
(iv) Your personal relationships, (v) How safe you feel, (vi) Feeling part of your community, and (vii) Your future security. 
Scores were measured for each item on a scale from 'completely dissatisfied' (0) to 'completely satisfied (10), each of which was transformed to a scale of 0-100. </t>
  </si>
  <si>
    <t xml:space="preserve">Each item used to create the Eudaimonic Wellbeing Index is presented individually. 
The eudaimonic wellbeing domain questions ask ' Thinking about your own life and personal circumstances, how do you feel about the following' and included;  
(i) How meaningful does you life feel, (ii) How much do you feel your life has purpose, (iii) To what extent do you feel the things you do in your life are worthwhile. 
Scores were measured for each item on a scale from 'not at all' (0) to 'very much so' (10), each of which was transformed to a scale of 0-100 prior to calculating the average score. </t>
  </si>
  <si>
    <t>The Wellbeing - Emotional Affect Index was calculated based on answers of respondents to three question in which they were asked  (i) Yesterday, did you feel happy; (ii) Yesterday, did you feel worried; and (iii) Yesterday, did you feel depressed. 
Responses are measured using a scale from 'not at all' (0) to 'all of the time' (10). Responses to two of the three statements (depressed and worried) were reversed to align with the scale from 0 (low emotional affect) to 10 (high emotional affect). 
The three variables were added up and averaged to produce the index for wellbeing - emotional affect.</t>
  </si>
  <si>
    <t>Each item used to create the Wellbeing - Emotional Affect Index is presented individually. 
The wellbeing - emotional affect questions were measured on a 10-point scale, from 'not at all' (0) to 'all of the time' (10), and included: 
 (i) 'Yesterday, did you feel happy?'; (ii) 'Yesterday, did you feel worried?'; and (iii) 'Yesterday, did you feel depressed?'.
Responses are reported at the proportional level of not at all/sometimes/all of the time.</t>
  </si>
  <si>
    <t>Measured from 1 (low levels of community wellbeing) to 7 (high levels of community wellbeing)</t>
  </si>
  <si>
    <t xml:space="preserve">Each item used to create the Community Wellbeing Index is presented individually. 
The community wellbeing questions were measured on a 7-point scale, from 'strongly disagree' (1) to 'strongly agree' (7), and included: 
(i) My community is a great place to live, (ii) This community copes pretty well when faced with challenges, (iii) I feel proud to live in this community, 
(iv) This community has a bright future, and (v) There's good community spirit around here. </t>
  </si>
  <si>
    <t xml:space="preserve">Household financial wellbeing was measured based on: 
(i) Household income: Survey participants were asked to select their household income bracket from the following options - Nil or negative income; $1-10,399; $10,400-20,799; $20,800-31,199; $31,200-41,599; $41,600-51,999; $52,000-62,399; $$62,400-77,999; $78,000-103,999; $104,000-124,999; $125,000-155,999; $156,000-207,999; $208,000-259,999; $260,000 plus. These categories were used as they align with data from the Australian Bureau of Statistics Census of Population and Housing.
(ii) Self-rated financial wellbeing - Respondents were asked ‘given your current needs and financial responsibilities, would you say that you and your family are…and asked to select one of the following options: 'prosperous; very comfortable; reasonably comfortable; just getting along; poor; or very poor'. 
These two measures were arithmetically adjusted so that each was measured from 1 (lowest level of financial wellbeing) to 7 (highest level of financial wellbeing). A single measure of household financial wellbeing was then calculated as the average score of the two measures. </t>
  </si>
  <si>
    <t xml:space="preserve">Each item used to create the 'household financial wellbeing' measure is presented individually. 
Household income was grouped into three categories: $0-$51,999; $52,000-$124,999; and $125,000+. 
Self-rated financial wellbeing was grouped into four categories: Poor or very poor; Just getting along; Reasonably comfortable; and very comfortable or prosperous. </t>
  </si>
  <si>
    <r>
      <rPr>
        <sz val="12"/>
        <rFont val="Calibri"/>
        <family val="2"/>
        <scheme val="minor"/>
      </rPr>
      <t>The financial distress measure was calculated based on the response to the question ‘In the last year, did any of the following happen to you because you didn’t have enough money?’:  
(i) Had to delay or cancel non-essential purchases e.g. holiday, going to a restaurant or movie, buying clothes; (ii) Could not pay bills on time e.g. electricity, rent, gas; 
(iii) Went without meals, or was unable to heat or cool home; (iv) Asked for financial help from friends or family; (v) None of these. 
Financial distress is presented at the proportional level of no or very low financial distress (selected none of these), low-moderate financial distress (selected 1 item), and high financial distress (selected 2, 3, or 4 items).</t>
    </r>
    <r>
      <rPr>
        <sz val="12"/>
        <color rgb="FFFF0000"/>
        <rFont val="Calibri"/>
        <family val="2"/>
        <scheme val="minor"/>
      </rPr>
      <t xml:space="preserve">
</t>
    </r>
    <r>
      <rPr>
        <sz val="12"/>
        <rFont val="Calibri"/>
        <family val="2"/>
        <scheme val="minor"/>
      </rPr>
      <t xml:space="preserve">Responses to each individual financial stressor is also presented. </t>
    </r>
  </si>
  <si>
    <t>Each item used to create the 'community economic wellbeing' scale is presented individually. 
The community economic wellbeing questions were measured on a 7-point scale, from 'strongly disagree' (1) to 'strongly agree' (7), and included: 
(i) Living costs are affordable here e.g. food, petrol, housing and (ii) There are plenty of jobs available around here at the moment.
Responses were reported at the proportional level of disagree/neither/agree.</t>
  </si>
  <si>
    <t xml:space="preserve">Average score (mean)   </t>
  </si>
  <si>
    <t xml:space="preserve">Average score (mean), excluding don't know responses   </t>
  </si>
  <si>
    <t>Each item used to create the 'spending time with friends and family' scale is presented individually. 
The questions were measured on a 7-point scale, from 'never' (1) to 'all the time' (7), and included: 
(i) I make time to keep in touch with my friends; (ii) I chat with my neighbours; and (iii) I spend time doing things with family members who don’t live with me.</t>
  </si>
  <si>
    <t>Each item used to create the 'getting involved' scale is presented individually. The questions were measured on a 7-point scale, from 'never or almost never' (1) to 'all the time' (7), and included: 
(i) I attend community events such as farmers markets, community festivals; (ii) I attend meetings/social events of local clubs/groups e.g. Lions, CWA; and (iii) I take part in sports groups or teams.</t>
  </si>
  <si>
    <t>Each item used to create the 'sense of belonging' scale is presented individually. 
The questions were measured on a 7-point scale, from 'strongly disagree' (1) to 'strongly agree' (7), and included: 
 (i) I feel welcome here; (ii) I feel part of my community; and (iii) I feel like an outsider here</t>
  </si>
  <si>
    <t>Each item used to create the 'access to roads and public transport' scale is presented individually. 
The questions were measured on a 7-point scale, from 'very poor' (1) to 'very good' (7), and included: 
(i) Quality of local roads; and (ii) Access to public transport (including taxis, buses, trains).</t>
  </si>
  <si>
    <t>Each item used to create the 'access to financial and professional services' scale is presented individually. 
The questions were measured on a 7-point scale, from 'very poor' (1) to 'very good' (7), and included: 
(i) Banking and financial services; and (ii) Professional services e.g. accountants, lawyers.</t>
  </si>
  <si>
    <t>Each item used to create the 'equity and inclusion' scale is presented individually. 
Two items were measured on a 7-point scale, from 'strongly disagree' (1) to 'strongly agree' (7), and included: (i) Some groups in this community keep to themselves; and (ii) Some individuals get left out in this community. 
The third itm 'Conflict/disagreement between some people' was measured from 'not a problem' (1) to 'very big problem' (7).
The mean scores were reversed to represent 'low equity and inclusion' (1) to 'high equity and inclusion' (7)</t>
  </si>
  <si>
    <t>Each item used to create the 'having a say and being heard' scale is presented individually. 
The questions were measured on a 7-point scale, from 'strongly disagree' (1) to 'strongly agree' (7), and included: 
(i) My local government is able to help our community face challenges; (ii) The people who make decisions for my community represent the whole community, not just part of it; 
(iii) I can get involved in local decision-making processes if I want to; and (iv) Most people around here get a fair go.</t>
  </si>
  <si>
    <t>The extent to which rural and regional Australians felt they are able to contribute towards local governance was measured by asking survey participants how much they agreed with the following statement 
'I actively contribute to discussion and decision making in my local region, e.g. local government, school, councils, or business groups', using a scale from 'strongly disagree' (1) to 'strongly agree' (7).
Responses were reported as an average and at the proportional level of disagree/neither/agree.</t>
  </si>
  <si>
    <t>The extent to which rural and regional Australians felt they are able to access local community events was measured by asking survey participants the question 
'How good or poor are the following things in your local region at the moment - Community events e.g. festivals'. This was measured on a 7-point scale, 
from 'very poor' (1) to 'very good' (7). Responses were reported as an average and at the proportional level of poor/moderate/good.</t>
  </si>
  <si>
    <t>Each item used to create the 'access to health, education and child care' scale is presented individually. 
The questions were measured on a 7-point scale, from 'very poor' (1) to 'very good' (7), and included: 
(i) General health services e.g. GP, general health consultation services; (ii) Mental health services e.g. psychologist, psychiatrist; 
(iii) Specialist health services (other than mental health); (iv) quality of local schools (v) access to child care.</t>
  </si>
  <si>
    <t xml:space="preserve">Access to food was measured by asking respondents to rate the quality of access to (i) good local restaurants/cafes (ii) fresh fruit and vegetables (on a scale from 'very poor' (1) to 'very good' (7)), and the extent to which (iii) 'lack of affordable food/groceries at local shops' was a problem in their community on a scale from 'not a problem' (1) to 'very big problem' (7).
Responses to these statements were averaged to form a single measure of access to food by (i) reversing the scoring of ‘lack of affordable food/groceries at local shops’, so that low scores indicated poor access to affordable food, and high scores indicated good access to affordable food; and (ii) calculating the average score across the three variables. </t>
  </si>
  <si>
    <t>Each item used to create the 'crime and safety' scale is presented individually. 
The questions were measured on a 7-point scale, with quality of 'Safety of the local area' measured from 'very poor' (1) to 'very good' (7), 
and the remaining four measures measured on a scale from 'not a problem' (1) to 'very big problem' (7) in a person's local community: (ii) Crime; (iii) Drug abuse; (iv) Alcohol abuse and; (v) Domestic violence.
Responses are reported at the proportional level of poor/neither/good access and not a problem/neither/problem.</t>
  </si>
  <si>
    <t xml:space="preserve">Each item used to create the 'landscape and aesthetics' scale is presented individually. 
The questions were measured on a 7-point scale, from 'strongly disagree (1) to 'strongly agree' (7), and included: 
(i) I like the environment and surrounds I live in; (ii) There are attractive buildings / homes in my community; and 
(iii) There are attractive natural places in my community e.g. parks, bushland. </t>
  </si>
  <si>
    <t xml:space="preserve">Each item used to create the 'perceived environmental health' scale is presented individually. 
The questions were measured on a 7-point scale, from 'not a problem (1) to 'big problem' (7), and included: 
(i) Water quality problems other than salinity, in rivers, lake or waterways; (ii) Soil erosion; (iii) Poor soil health other than soil erosion e.g. soil compaction; (iv) Pest fish species e.g. carp; 
(v) Loss of vegetation (trees, shrubs); (vi) Declining numbers of some native animals or birds; (vii) Invasive weeds; (viii) Salinity (in soil or waterways); (ix) Environmental degradation in general; 
(x) Feral animals e.g. pigs, goats, wild dogs, rabbits; and (xi) Declining numbers of native fish.
</t>
  </si>
  <si>
    <t>Each item used to create the 'self-efficacy' scale is presented individually. The self-efficacy questions were measured on a 7-point scale, from 'strongly disagree' (1) to 'strongly agree' (7), and included: 
 (i) I am confident I can achieve the things I want in life; (ii) I am confident I can achieve the things I want in my work; and 
(iii) I have the skills and education I need to achieve what I want to in life. Responses are reported at the proportional level of disagree/neither/agree.</t>
  </si>
  <si>
    <t>Each item used to create the 'community leadership and collaboration' scale is presented individually. 
The questions were measured on a 7-point scale, from 'strongly disagree' (1) to 'strongly agree' (7), and included: 
 (i) People around here are good at getting help and ideas from other communities; (ii) Whatever the problem, someone in this community takes the lead in sorting it out; and 
(iii) Local groups and organisations around here are good at getting things done.</t>
  </si>
  <si>
    <t>Changes in community liveability was measured by asking respondents four questions on their views about how the community they live in is changing: 
(i) the liveability of this community is….(ii) the friendliness of this community is….(iii) the local economy is…. and (iv) the local landscape and surrounds in this community are....
Each was measured on a 7-point scale from 'getting worse' (1) to 'getting better' (7). 
Responses were reported as an average and at the proportional level of getting worse/neither/getting better.</t>
  </si>
  <si>
    <t xml:space="preserve">The economic wellbeing of communities was measured by asking survey participants how much they agreed with the following four statements, from  'strongly disagree' (1) to 'strongly agree' (7): (i) Living costs are affordable here e.g. food, petrol, housing; (ii) This community is financially well-off; (iii) There are plenty of jobs available around here at the moment; and (iv) Local businesses in this town are doing pretty well at the moment.
Responses to these four statements were averaged to form a single measure of community economic wellbeing, measured from 1 (low levels of community economic wellbeing) to 7 (high levels of community economic wellbeing). </t>
  </si>
  <si>
    <t>Regional and rural Australians were asked to rate their quality of access to 'Local government services' in their local region on a 7-point scale, from 'very poor' (1) to 'very good' (7). 
Responses are reported as an average and at the proportional level of poor/neither/good access.</t>
  </si>
  <si>
    <t xml:space="preserve">Access to telecommunications was measured by asking respondents their access to the following services using a scale from 'very poor' (1) to 'very good' (7): (i) Mobile phone reception and (ii) access to high speed, reliable internet. Scores of 1 indicated low quality access and a score of 7 high quality access to telecommunications.
</t>
  </si>
  <si>
    <t xml:space="preserve">Urban Australia includes the cities and surrounding suburban areas of Sydney, Melbourne, Adelaide, Brisbane, Perth and Canberra. In total, 3,859 people from these cities took part in the 2018 Regional Wellbeing Survey, although not all these people answered every question on the survey. </t>
  </si>
  <si>
    <t xml:space="preserve">New South Wales (NSW) includes all of NSW, including the large metropolitan areas of Sydney and surrounding suburban areas. In total, 3,650 people from NSW took part in the 2018 Regional Wellbeing Survey, although not all these people answered every question on the survey.  </t>
  </si>
  <si>
    <t xml:space="preserve">Regional New South Wales (NSW) includes all of NSW except the large metropolitan areas of Sydney and surrounding suburban areas. In total, 2,982 people who live in regional NSW took part in the 2018 Regional Wellbeing Survey, although not all these people answered every question on the survey. </t>
  </si>
  <si>
    <t>Hunter excl. Lake Macquarie (LGAs)</t>
  </si>
  <si>
    <t xml:space="preserve">Hunter (excl. Lake Macquarie) is a group of LGAs located in the east of New South Wales, and include the LGAs of Cessnock, Dungog, Maitland, Mid-Coast, Muswellbrook, Newcastle, Port Stephens, Singleton and Upper Hunter. In total, 247 people who live in these LGAs took part in the 2018 Regional Wellbeing Survey. </t>
  </si>
  <si>
    <t>This file provides data from the 2018 Regional Wellbeing Survey for Northern New South Wales (NSW). The number of responses to each question vary, because some questions were not asked of all survey participants; and not all respondents answered every question presented to them on the survey. Data reported in these tables have been weighted to correct for different intensity of sampling in different regions, unless stated otherwise. Data are reported for (i) Australia; (ii) regional Australia; (iii) urban Australia; (iv) NSW; (v) regional NSW; and (vi) the Regional Development Australia (RDA) regions of Central West, Far West, Orana, Hunter, Mid North Coast, Northern Inland, Northern Rivers and Sydney.</t>
  </si>
  <si>
    <t xml:space="preserve">You may reproduce the data in this spreadsheet for any purpose, providing you acknowledge the data source. Data should be cited as being sourced from the 2018 Regional Wellbeing Survey, Northern NSW data tables, Version 1.02 January 2020. </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5">
    <numFmt numFmtId="164" formatCode="###0.0%"/>
    <numFmt numFmtId="165" formatCode="###0"/>
    <numFmt numFmtId="166" formatCode="####.0%"/>
    <numFmt numFmtId="167" formatCode="0.0%"/>
    <numFmt numFmtId="168" formatCode="0.0"/>
  </numFmts>
  <fonts count="34">
    <font>
      <sz val="11"/>
      <color theme="1"/>
      <name val="Calibri"/>
      <family val="2"/>
      <scheme val="minor"/>
    </font>
    <font>
      <sz val="10"/>
      <name val="Arial"/>
      <family val="2"/>
    </font>
    <font>
      <sz val="10"/>
      <name val="Arial"/>
      <family val="2"/>
    </font>
    <font>
      <u/>
      <sz val="11"/>
      <color theme="10"/>
      <name val="Calibri"/>
      <family val="2"/>
      <scheme val="minor"/>
    </font>
    <font>
      <b/>
      <sz val="11"/>
      <color theme="1"/>
      <name val="Calibri"/>
      <family val="2"/>
      <scheme val="minor"/>
    </font>
    <font>
      <sz val="11"/>
      <color rgb="FFFF0000"/>
      <name val="Calibri"/>
      <family val="2"/>
      <scheme val="minor"/>
    </font>
    <font>
      <sz val="19.25"/>
      <color rgb="FF000000"/>
      <name val="DINNextW01-CondensedReg"/>
    </font>
    <font>
      <sz val="18"/>
      <color theme="1"/>
      <name val="Calibri"/>
      <family val="2"/>
      <scheme val="minor"/>
    </font>
    <font>
      <b/>
      <sz val="16"/>
      <color theme="1"/>
      <name val="Calibri"/>
      <family val="2"/>
      <scheme val="minor"/>
    </font>
    <font>
      <sz val="14"/>
      <color theme="1"/>
      <name val="Calibri"/>
      <family val="2"/>
      <scheme val="minor"/>
    </font>
    <font>
      <sz val="16"/>
      <color theme="1"/>
      <name val="Calibri"/>
      <family val="2"/>
      <scheme val="minor"/>
    </font>
    <font>
      <b/>
      <sz val="24"/>
      <color theme="1"/>
      <name val="Calibri"/>
      <family val="2"/>
      <scheme val="minor"/>
    </font>
    <font>
      <b/>
      <sz val="22"/>
      <color theme="1"/>
      <name val="Calibri"/>
      <family val="2"/>
      <scheme val="minor"/>
    </font>
    <font>
      <b/>
      <sz val="14"/>
      <color theme="1"/>
      <name val="Calibri"/>
      <family val="2"/>
      <scheme val="minor"/>
    </font>
    <font>
      <b/>
      <sz val="14"/>
      <name val="Calibri"/>
      <family val="2"/>
      <scheme val="minor"/>
    </font>
    <font>
      <sz val="12"/>
      <name val="Calibri"/>
      <family val="2"/>
      <scheme val="minor"/>
    </font>
    <font>
      <sz val="12"/>
      <color theme="0"/>
      <name val="Calibri"/>
      <family val="2"/>
      <scheme val="minor"/>
    </font>
    <font>
      <b/>
      <sz val="10"/>
      <name val="Calibri"/>
      <family val="2"/>
      <scheme val="minor"/>
    </font>
    <font>
      <b/>
      <sz val="9"/>
      <name val="Calibri"/>
      <family val="2"/>
      <scheme val="minor"/>
    </font>
    <font>
      <b/>
      <i/>
      <sz val="9"/>
      <color theme="0" tint="-0.499984740745262"/>
      <name val="Calibri"/>
      <family val="2"/>
      <scheme val="minor"/>
    </font>
    <font>
      <sz val="10"/>
      <name val="Calibri"/>
      <family val="2"/>
      <scheme val="minor"/>
    </font>
    <font>
      <sz val="9"/>
      <name val="Calibri"/>
      <family val="2"/>
      <scheme val="minor"/>
    </font>
    <font>
      <i/>
      <sz val="9"/>
      <color theme="0" tint="-0.499984740745262"/>
      <name val="Calibri"/>
      <family val="2"/>
      <scheme val="minor"/>
    </font>
    <font>
      <sz val="10"/>
      <color theme="1"/>
      <name val="Calibri"/>
      <family val="2"/>
      <scheme val="minor"/>
    </font>
    <font>
      <sz val="10"/>
      <color indexed="8"/>
      <name val="Calibri"/>
      <family val="2"/>
      <scheme val="minor"/>
    </font>
    <font>
      <sz val="10"/>
      <color theme="0"/>
      <name val="Calibri"/>
      <family val="2"/>
      <scheme val="minor"/>
    </font>
    <font>
      <b/>
      <sz val="11"/>
      <name val="Calibri"/>
      <family val="2"/>
      <scheme val="minor"/>
    </font>
    <font>
      <sz val="11"/>
      <name val="Calibri"/>
      <family val="2"/>
      <scheme val="minor"/>
    </font>
    <font>
      <b/>
      <sz val="11"/>
      <color rgb="FFFF0000"/>
      <name val="Calibri"/>
      <family val="2"/>
      <scheme val="minor"/>
    </font>
    <font>
      <b/>
      <sz val="18"/>
      <color rgb="FFFF0000"/>
      <name val="Calibri"/>
      <family val="2"/>
      <scheme val="minor"/>
    </font>
    <font>
      <sz val="12"/>
      <color rgb="FFFF0000"/>
      <name val="Calibri"/>
      <family val="2"/>
      <scheme val="minor"/>
    </font>
    <font>
      <sz val="11"/>
      <name val="Calibri"/>
      <family val="2"/>
    </font>
    <font>
      <u/>
      <sz val="11"/>
      <color theme="7" tint="-0.249977111117893"/>
      <name val="Calibri"/>
      <family val="2"/>
      <scheme val="minor"/>
    </font>
    <font>
      <b/>
      <sz val="16"/>
      <name val="Calibri"/>
      <family val="2"/>
      <scheme val="minor"/>
    </font>
  </fonts>
  <fills count="8">
    <fill>
      <patternFill patternType="none"/>
    </fill>
    <fill>
      <patternFill patternType="gray125"/>
    </fill>
    <fill>
      <patternFill patternType="solid">
        <fgColor theme="0"/>
        <bgColor indexed="64"/>
      </patternFill>
    </fill>
    <fill>
      <patternFill patternType="solid">
        <fgColor theme="0" tint="-0.14999847407452621"/>
        <bgColor indexed="64"/>
      </patternFill>
    </fill>
    <fill>
      <patternFill patternType="solid">
        <fgColor theme="8" tint="0.79998168889431442"/>
        <bgColor indexed="64"/>
      </patternFill>
    </fill>
    <fill>
      <patternFill patternType="solid">
        <fgColor theme="8" tint="-0.249977111117893"/>
        <bgColor indexed="64"/>
      </patternFill>
    </fill>
    <fill>
      <patternFill patternType="solid">
        <fgColor theme="8" tint="0.39997558519241921"/>
        <bgColor indexed="64"/>
      </patternFill>
    </fill>
    <fill>
      <patternFill patternType="solid">
        <fgColor theme="8" tint="0.59999389629810485"/>
        <bgColor indexed="64"/>
      </patternFill>
    </fill>
  </fills>
  <borders count="12">
    <border>
      <left/>
      <right/>
      <top/>
      <bottom/>
      <diagonal/>
    </border>
    <border>
      <left style="thin">
        <color indexed="64"/>
      </left>
      <right style="thin">
        <color indexed="64"/>
      </right>
      <top style="thin">
        <color indexed="64"/>
      </top>
      <bottom style="thin">
        <color indexed="64"/>
      </bottom>
      <diagonal/>
    </border>
    <border>
      <left/>
      <right/>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top/>
      <bottom style="thin">
        <color indexed="64"/>
      </bottom>
      <diagonal/>
    </border>
    <border>
      <left/>
      <right style="thin">
        <color indexed="64"/>
      </right>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diagonal/>
    </border>
  </borders>
  <cellStyleXfs count="39">
    <xf numFmtId="0" fontId="0" fillId="0" borderId="0"/>
    <xf numFmtId="0" fontId="3" fillId="0" borderId="0" applyNumberFormat="0" applyFill="0" applyBorder="0" applyAlignment="0" applyProtection="0"/>
    <xf numFmtId="0" fontId="1" fillId="0" borderId="0"/>
    <xf numFmtId="0" fontId="1" fillId="0" borderId="0"/>
    <xf numFmtId="0" fontId="2" fillId="0" borderId="0"/>
    <xf numFmtId="0" fontId="2" fillId="0" borderId="0"/>
    <xf numFmtId="0" fontId="1" fillId="0" borderId="0"/>
    <xf numFmtId="0" fontId="1" fillId="0" borderId="0"/>
    <xf numFmtId="0" fontId="1" fillId="0" borderId="0"/>
    <xf numFmtId="0" fontId="2" fillId="0" borderId="0"/>
    <xf numFmtId="0" fontId="1" fillId="0" borderId="0"/>
    <xf numFmtId="0" fontId="1" fillId="0" borderId="0"/>
    <xf numFmtId="0" fontId="2" fillId="0" borderId="0"/>
    <xf numFmtId="0" fontId="2" fillId="0" borderId="0"/>
    <xf numFmtId="0" fontId="1" fillId="0" borderId="0"/>
    <xf numFmtId="0" fontId="1" fillId="0" borderId="0"/>
    <xf numFmtId="0" fontId="1" fillId="0" borderId="0"/>
    <xf numFmtId="0" fontId="1" fillId="0" borderId="0"/>
    <xf numFmtId="0" fontId="1" fillId="0" borderId="0"/>
    <xf numFmtId="0" fontId="2" fillId="0" borderId="0"/>
    <xf numFmtId="0" fontId="1" fillId="0" borderId="0"/>
    <xf numFmtId="0" fontId="1" fillId="0" borderId="0"/>
    <xf numFmtId="0" fontId="2" fillId="0" borderId="0"/>
    <xf numFmtId="0" fontId="2" fillId="0" borderId="0"/>
    <xf numFmtId="0" fontId="1" fillId="0" borderId="0"/>
    <xf numFmtId="0" fontId="2" fillId="0" borderId="0"/>
    <xf numFmtId="0" fontId="1" fillId="0" borderId="0"/>
    <xf numFmtId="0" fontId="2" fillId="0" borderId="0"/>
    <xf numFmtId="0" fontId="2" fillId="0" borderId="0"/>
    <xf numFmtId="0" fontId="1" fillId="0" borderId="0"/>
    <xf numFmtId="0" fontId="1" fillId="0" borderId="0"/>
    <xf numFmtId="0" fontId="1" fillId="0" borderId="0"/>
    <xf numFmtId="0" fontId="2" fillId="0" borderId="0"/>
    <xf numFmtId="0" fontId="1" fillId="0" borderId="0"/>
    <xf numFmtId="0" fontId="1" fillId="0" borderId="0"/>
    <xf numFmtId="0" fontId="2" fillId="0" borderId="0"/>
    <xf numFmtId="0" fontId="2" fillId="0" borderId="0"/>
    <xf numFmtId="0" fontId="1" fillId="0" borderId="0"/>
    <xf numFmtId="0" fontId="31" fillId="0" borderId="0"/>
  </cellStyleXfs>
  <cellXfs count="426">
    <xf numFmtId="0" fontId="0" fillId="0" borderId="0" xfId="0"/>
    <xf numFmtId="0" fontId="0" fillId="0" borderId="0" xfId="0" applyFont="1"/>
    <xf numFmtId="0" fontId="0" fillId="2" borderId="0" xfId="0" applyFill="1"/>
    <xf numFmtId="0" fontId="3" fillId="2" borderId="0" xfId="1" applyFill="1" applyAlignment="1"/>
    <xf numFmtId="0" fontId="6" fillId="0" borderId="0" xfId="0" applyFont="1" applyAlignment="1">
      <alignment vertical="center"/>
    </xf>
    <xf numFmtId="0" fontId="0" fillId="0" borderId="0" xfId="0" applyFont="1"/>
    <xf numFmtId="0" fontId="0" fillId="2" borderId="0" xfId="0" applyFill="1" applyAlignment="1">
      <alignment horizontal="left"/>
    </xf>
    <xf numFmtId="0" fontId="7" fillId="2" borderId="0" xfId="0" applyFont="1" applyFill="1" applyAlignment="1"/>
    <xf numFmtId="0" fontId="8" fillId="2" borderId="0" xfId="0" applyFont="1" applyFill="1" applyAlignment="1">
      <alignment horizontal="left"/>
    </xf>
    <xf numFmtId="0" fontId="0" fillId="2" borderId="0" xfId="0" applyFill="1" applyAlignment="1">
      <alignment horizontal="center"/>
    </xf>
    <xf numFmtId="0" fontId="4" fillId="2" borderId="0" xfId="0" applyFont="1" applyFill="1" applyAlignment="1">
      <alignment horizontal="left"/>
    </xf>
    <xf numFmtId="0" fontId="4" fillId="2" borderId="0" xfId="0" applyFont="1" applyFill="1"/>
    <xf numFmtId="0" fontId="0" fillId="2" borderId="0" xfId="0" applyFill="1" applyAlignment="1">
      <alignment horizontal="left"/>
    </xf>
    <xf numFmtId="0" fontId="0" fillId="2" borderId="0" xfId="0" applyFill="1" applyAlignment="1">
      <alignment horizontal="left" wrapText="1"/>
    </xf>
    <xf numFmtId="1" fontId="0" fillId="2" borderId="0" xfId="0" applyNumberFormat="1" applyFill="1" applyAlignment="1">
      <alignment horizontal="left"/>
    </xf>
    <xf numFmtId="0" fontId="9" fillId="2" borderId="0" xfId="0" applyFont="1" applyFill="1"/>
    <xf numFmtId="0" fontId="0" fillId="2" borderId="0" xfId="0" applyFill="1"/>
    <xf numFmtId="0" fontId="0" fillId="2" borderId="0" xfId="0" applyFill="1"/>
    <xf numFmtId="0" fontId="5" fillId="2" borderId="0" xfId="0" applyFont="1" applyFill="1"/>
    <xf numFmtId="0" fontId="8" fillId="2" borderId="0" xfId="0" applyFont="1" applyFill="1" applyAlignment="1">
      <alignment horizontal="center"/>
    </xf>
    <xf numFmtId="0" fontId="0" fillId="2" borderId="0" xfId="0" applyFill="1"/>
    <xf numFmtId="1" fontId="0" fillId="3" borderId="0" xfId="0" applyNumberFormat="1" applyFill="1" applyAlignment="1">
      <alignment horizontal="left"/>
    </xf>
    <xf numFmtId="0" fontId="0" fillId="3" borderId="0" xfId="0" applyFill="1" applyAlignment="1">
      <alignment horizontal="left"/>
    </xf>
    <xf numFmtId="0" fontId="3" fillId="3" borderId="0" xfId="1" applyFill="1"/>
    <xf numFmtId="0" fontId="9" fillId="3" borderId="0" xfId="0" applyFont="1" applyFill="1"/>
    <xf numFmtId="0" fontId="3" fillId="3" borderId="0" xfId="1" applyFill="1" applyAlignment="1">
      <alignment vertical="top" wrapText="1"/>
    </xf>
    <xf numFmtId="1" fontId="10" fillId="3" borderId="0" xfId="0" applyNumberFormat="1" applyFont="1" applyFill="1" applyAlignment="1">
      <alignment horizontal="left"/>
    </xf>
    <xf numFmtId="0" fontId="3" fillId="3" borderId="0" xfId="1" quotePrefix="1" applyFill="1"/>
    <xf numFmtId="1" fontId="3" fillId="3" borderId="0" xfId="1" applyNumberFormat="1" applyFill="1" applyAlignment="1">
      <alignment horizontal="left"/>
    </xf>
    <xf numFmtId="0" fontId="9" fillId="3" borderId="0" xfId="0" applyFont="1" applyFill="1" applyAlignment="1">
      <alignment horizontal="left"/>
    </xf>
    <xf numFmtId="0" fontId="11" fillId="0" borderId="0" xfId="0" applyFont="1"/>
    <xf numFmtId="0" fontId="12" fillId="0" borderId="0" xfId="0" applyFont="1"/>
    <xf numFmtId="0" fontId="17" fillId="6" borderId="1" xfId="0" applyFont="1" applyFill="1" applyBorder="1" applyAlignment="1">
      <alignment horizontal="left" vertical="top"/>
    </xf>
    <xf numFmtId="0" fontId="18" fillId="6" borderId="1" xfId="29" applyFont="1" applyFill="1" applyBorder="1" applyAlignment="1">
      <alignment horizontal="left" vertical="top" wrapText="1"/>
    </xf>
    <xf numFmtId="168" fontId="18" fillId="6" borderId="1" xfId="29" applyNumberFormat="1" applyFont="1" applyFill="1" applyBorder="1" applyAlignment="1">
      <alignment horizontal="left" vertical="top" wrapText="1"/>
    </xf>
    <xf numFmtId="168" fontId="19" fillId="6" borderId="1" xfId="29" applyNumberFormat="1" applyFont="1" applyFill="1" applyBorder="1" applyAlignment="1">
      <alignment horizontal="left" vertical="top" wrapText="1"/>
    </xf>
    <xf numFmtId="0" fontId="20" fillId="6" borderId="1" xfId="0" applyFont="1" applyFill="1" applyBorder="1" applyAlignment="1">
      <alignment vertical="center"/>
    </xf>
    <xf numFmtId="0" fontId="21" fillId="6" borderId="1" xfId="15" applyFont="1" applyFill="1" applyBorder="1" applyAlignment="1">
      <alignment horizontal="left" vertical="top" wrapText="1"/>
    </xf>
    <xf numFmtId="168" fontId="21" fillId="6" borderId="1" xfId="29" applyNumberFormat="1" applyFont="1" applyFill="1" applyBorder="1" applyAlignment="1">
      <alignment horizontal="left" vertical="top" wrapText="1"/>
    </xf>
    <xf numFmtId="168" fontId="22" fillId="6" borderId="1" xfId="15" applyNumberFormat="1" applyFont="1" applyFill="1" applyBorder="1" applyAlignment="1">
      <alignment horizontal="left" vertical="top" wrapText="1"/>
    </xf>
    <xf numFmtId="0" fontId="23" fillId="0" borderId="1" xfId="0" applyFont="1" applyBorder="1" applyAlignment="1">
      <alignment horizontal="left" vertical="center" wrapText="1"/>
    </xf>
    <xf numFmtId="165" fontId="20" fillId="0" borderId="1" xfId="15" applyNumberFormat="1" applyFont="1" applyFill="1" applyBorder="1" applyAlignment="1">
      <alignment horizontal="left" vertical="center"/>
    </xf>
    <xf numFmtId="168" fontId="20" fillId="0" borderId="1" xfId="29" applyNumberFormat="1" applyFont="1" applyFill="1" applyBorder="1" applyAlignment="1">
      <alignment horizontal="left" vertical="center"/>
    </xf>
    <xf numFmtId="168" fontId="22" fillId="0" borderId="1" xfId="15" applyNumberFormat="1" applyFont="1" applyFill="1" applyBorder="1" applyAlignment="1">
      <alignment horizontal="left" vertical="center"/>
    </xf>
    <xf numFmtId="0" fontId="24" fillId="4" borderId="1" xfId="17" applyFont="1" applyFill="1" applyBorder="1" applyAlignment="1">
      <alignment horizontal="left" vertical="center" wrapText="1"/>
    </xf>
    <xf numFmtId="165" fontId="20" fillId="4" borderId="1" xfId="15" applyNumberFormat="1" applyFont="1" applyFill="1" applyBorder="1" applyAlignment="1">
      <alignment horizontal="left" vertical="center"/>
    </xf>
    <xf numFmtId="168" fontId="20" fillId="4" borderId="1" xfId="29" applyNumberFormat="1" applyFont="1" applyFill="1" applyBorder="1" applyAlignment="1">
      <alignment horizontal="left" vertical="center"/>
    </xf>
    <xf numFmtId="168" fontId="22" fillId="4" borderId="1" xfId="15" applyNumberFormat="1" applyFont="1" applyFill="1" applyBorder="1" applyAlignment="1">
      <alignment horizontal="left" vertical="center"/>
    </xf>
    <xf numFmtId="0" fontId="20" fillId="0" borderId="1" xfId="24" applyFont="1" applyFill="1" applyBorder="1" applyAlignment="1">
      <alignment horizontal="left" vertical="center" wrapText="1"/>
    </xf>
    <xf numFmtId="165" fontId="20" fillId="0" borderId="1" xfId="24" applyNumberFormat="1" applyFont="1" applyFill="1" applyBorder="1" applyAlignment="1">
      <alignment horizontal="left" vertical="center"/>
    </xf>
    <xf numFmtId="168" fontId="20" fillId="0" borderId="1" xfId="24" applyNumberFormat="1" applyFont="1" applyFill="1" applyBorder="1" applyAlignment="1">
      <alignment horizontal="left" vertical="center"/>
    </xf>
    <xf numFmtId="168" fontId="22" fillId="0" borderId="1" xfId="24" applyNumberFormat="1" applyFont="1" applyFill="1" applyBorder="1" applyAlignment="1">
      <alignment horizontal="left" vertical="center"/>
    </xf>
    <xf numFmtId="0" fontId="24" fillId="0" borderId="1" xfId="17" applyFont="1" applyBorder="1" applyAlignment="1">
      <alignment horizontal="left" vertical="center" wrapText="1"/>
    </xf>
    <xf numFmtId="165" fontId="20" fillId="0" borderId="1" xfId="22" applyNumberFormat="1" applyFont="1" applyFill="1" applyBorder="1" applyAlignment="1">
      <alignment horizontal="left" vertical="center"/>
    </xf>
    <xf numFmtId="168" fontId="20" fillId="0" borderId="1" xfId="22" applyNumberFormat="1" applyFont="1" applyFill="1" applyBorder="1" applyAlignment="1">
      <alignment horizontal="left" vertical="center"/>
    </xf>
    <xf numFmtId="168" fontId="22" fillId="0" borderId="1" xfId="22" applyNumberFormat="1" applyFont="1" applyFill="1" applyBorder="1" applyAlignment="1">
      <alignment horizontal="left" vertical="center"/>
    </xf>
    <xf numFmtId="165" fontId="20" fillId="4" borderId="1" xfId="22" applyNumberFormat="1" applyFont="1" applyFill="1" applyBorder="1" applyAlignment="1">
      <alignment horizontal="left" vertical="center"/>
    </xf>
    <xf numFmtId="168" fontId="20" fillId="4" borderId="1" xfId="22" applyNumberFormat="1" applyFont="1" applyFill="1" applyBorder="1" applyAlignment="1">
      <alignment horizontal="left" vertical="center"/>
    </xf>
    <xf numFmtId="168" fontId="22" fillId="4" borderId="1" xfId="22" applyNumberFormat="1" applyFont="1" applyFill="1" applyBorder="1" applyAlignment="1">
      <alignment horizontal="left" vertical="center"/>
    </xf>
    <xf numFmtId="0" fontId="25" fillId="5" borderId="1" xfId="29" quotePrefix="1" applyFont="1" applyFill="1" applyBorder="1" applyAlignment="1">
      <alignment horizontal="left" vertical="top" wrapText="1"/>
    </xf>
    <xf numFmtId="0" fontId="18" fillId="7" borderId="1" xfId="29" applyFont="1" applyFill="1" applyBorder="1" applyAlignment="1">
      <alignment horizontal="left" vertical="top" wrapText="1"/>
    </xf>
    <xf numFmtId="168" fontId="18" fillId="7" borderId="1" xfId="29" applyNumberFormat="1" applyFont="1" applyFill="1" applyBorder="1" applyAlignment="1">
      <alignment horizontal="left" vertical="top" wrapText="1"/>
    </xf>
    <xf numFmtId="168" fontId="19" fillId="7" borderId="1" xfId="29" applyNumberFormat="1" applyFont="1" applyFill="1" applyBorder="1" applyAlignment="1">
      <alignment horizontal="left" vertical="top" wrapText="1"/>
    </xf>
    <xf numFmtId="0" fontId="21" fillId="7" borderId="1" xfId="15" applyFont="1" applyFill="1" applyBorder="1" applyAlignment="1">
      <alignment horizontal="left" vertical="top" wrapText="1"/>
    </xf>
    <xf numFmtId="168" fontId="21" fillId="7" borderId="1" xfId="29" applyNumberFormat="1" applyFont="1" applyFill="1" applyBorder="1" applyAlignment="1">
      <alignment horizontal="left" vertical="top" wrapText="1"/>
    </xf>
    <xf numFmtId="168" fontId="22" fillId="7" borderId="1" xfId="15" applyNumberFormat="1" applyFont="1" applyFill="1" applyBorder="1" applyAlignment="1">
      <alignment horizontal="left" vertical="top" wrapText="1"/>
    </xf>
    <xf numFmtId="165" fontId="20" fillId="0" borderId="1" xfId="33" applyNumberFormat="1" applyFont="1" applyFill="1" applyBorder="1" applyAlignment="1">
      <alignment horizontal="left" vertical="center"/>
    </xf>
    <xf numFmtId="168" fontId="20" fillId="0" borderId="1" xfId="31" applyNumberFormat="1" applyFont="1" applyFill="1" applyBorder="1" applyAlignment="1">
      <alignment horizontal="left" vertical="center"/>
    </xf>
    <xf numFmtId="168" fontId="22" fillId="0" borderId="1" xfId="33" applyNumberFormat="1" applyFont="1" applyFill="1" applyBorder="1" applyAlignment="1">
      <alignment horizontal="left" vertical="center"/>
    </xf>
    <xf numFmtId="165" fontId="20" fillId="4" borderId="1" xfId="33" applyNumberFormat="1" applyFont="1" applyFill="1" applyBorder="1" applyAlignment="1">
      <alignment horizontal="left" vertical="center"/>
    </xf>
    <xf numFmtId="168" fontId="20" fillId="4" borderId="1" xfId="31" applyNumberFormat="1" applyFont="1" applyFill="1" applyBorder="1" applyAlignment="1">
      <alignment horizontal="left" vertical="center"/>
    </xf>
    <xf numFmtId="168" fontId="22" fillId="4" borderId="1" xfId="33" applyNumberFormat="1" applyFont="1" applyFill="1" applyBorder="1" applyAlignment="1">
      <alignment horizontal="left" vertical="center"/>
    </xf>
    <xf numFmtId="165" fontId="20" fillId="0" borderId="1" xfId="30" applyNumberFormat="1" applyFont="1" applyFill="1" applyBorder="1" applyAlignment="1">
      <alignment horizontal="left" vertical="center"/>
    </xf>
    <xf numFmtId="168" fontId="20" fillId="0" borderId="1" xfId="30" applyNumberFormat="1" applyFont="1" applyFill="1" applyBorder="1" applyAlignment="1">
      <alignment horizontal="left" vertical="center"/>
    </xf>
    <xf numFmtId="168" fontId="22" fillId="0" borderId="1" xfId="30" applyNumberFormat="1" applyFont="1" applyFill="1" applyBorder="1" applyAlignment="1">
      <alignment horizontal="left" vertical="center"/>
    </xf>
    <xf numFmtId="165" fontId="20" fillId="4" borderId="1" xfId="30" applyNumberFormat="1" applyFont="1" applyFill="1" applyBorder="1" applyAlignment="1">
      <alignment horizontal="left" vertical="center"/>
    </xf>
    <xf numFmtId="168" fontId="20" fillId="4" borderId="1" xfId="30" applyNumberFormat="1" applyFont="1" applyFill="1" applyBorder="1" applyAlignment="1">
      <alignment horizontal="left" vertical="center"/>
    </xf>
    <xf numFmtId="168" fontId="22" fillId="4" borderId="1" xfId="30" applyNumberFormat="1" applyFont="1" applyFill="1" applyBorder="1" applyAlignment="1">
      <alignment horizontal="left" vertical="center"/>
    </xf>
    <xf numFmtId="165" fontId="20" fillId="0" borderId="1" xfId="25" applyNumberFormat="1" applyFont="1" applyFill="1" applyBorder="1" applyAlignment="1">
      <alignment horizontal="left" vertical="center"/>
    </xf>
    <xf numFmtId="168" fontId="20" fillId="0" borderId="1" xfId="25" applyNumberFormat="1" applyFont="1" applyFill="1" applyBorder="1" applyAlignment="1">
      <alignment horizontal="left" vertical="center"/>
    </xf>
    <xf numFmtId="168" fontId="22" fillId="0" borderId="1" xfId="25" applyNumberFormat="1" applyFont="1" applyFill="1" applyBorder="1" applyAlignment="1">
      <alignment horizontal="left" vertical="center"/>
    </xf>
    <xf numFmtId="168" fontId="22" fillId="0" borderId="1" xfId="34" applyNumberFormat="1" applyFont="1" applyFill="1" applyBorder="1" applyAlignment="1">
      <alignment horizontal="left" vertical="center"/>
    </xf>
    <xf numFmtId="168" fontId="22" fillId="4" borderId="1" xfId="34" applyNumberFormat="1" applyFont="1" applyFill="1" applyBorder="1" applyAlignment="1">
      <alignment horizontal="left" vertical="center"/>
    </xf>
    <xf numFmtId="167" fontId="19" fillId="7" borderId="1" xfId="29" applyNumberFormat="1" applyFont="1" applyFill="1" applyBorder="1" applyAlignment="1">
      <alignment horizontal="left" vertical="top" wrapText="1"/>
    </xf>
    <xf numFmtId="167" fontId="19" fillId="6" borderId="1" xfId="29" applyNumberFormat="1" applyFont="1" applyFill="1" applyBorder="1" applyAlignment="1">
      <alignment horizontal="left" vertical="top" wrapText="1"/>
    </xf>
    <xf numFmtId="167" fontId="22" fillId="7" borderId="1" xfId="15" applyNumberFormat="1" applyFont="1" applyFill="1" applyBorder="1" applyAlignment="1">
      <alignment horizontal="left" vertical="top" wrapText="1"/>
    </xf>
    <xf numFmtId="167" fontId="22" fillId="6" borderId="1" xfId="15" applyNumberFormat="1" applyFont="1" applyFill="1" applyBorder="1" applyAlignment="1">
      <alignment horizontal="left" vertical="top" wrapText="1"/>
    </xf>
    <xf numFmtId="165" fontId="20" fillId="0" borderId="1" xfId="6" applyNumberFormat="1" applyFont="1" applyFill="1" applyBorder="1" applyAlignment="1">
      <alignment horizontal="left" vertical="center"/>
    </xf>
    <xf numFmtId="164" fontId="20" fillId="0" borderId="1" xfId="6" applyNumberFormat="1" applyFont="1" applyFill="1" applyBorder="1" applyAlignment="1">
      <alignment horizontal="left" vertical="center"/>
    </xf>
    <xf numFmtId="167" fontId="22" fillId="0" borderId="1" xfId="0" applyNumberFormat="1" applyFont="1" applyFill="1" applyBorder="1" applyAlignment="1">
      <alignment horizontal="left" vertical="center" wrapText="1"/>
    </xf>
    <xf numFmtId="165" fontId="20" fillId="4" borderId="1" xfId="6" applyNumberFormat="1" applyFont="1" applyFill="1" applyBorder="1" applyAlignment="1">
      <alignment horizontal="left" vertical="center"/>
    </xf>
    <xf numFmtId="164" fontId="20" fillId="4" borderId="1" xfId="6" applyNumberFormat="1" applyFont="1" applyFill="1" applyBorder="1" applyAlignment="1">
      <alignment horizontal="left" vertical="center"/>
    </xf>
    <xf numFmtId="167" fontId="22" fillId="4" borderId="1" xfId="0" applyNumberFormat="1" applyFont="1" applyFill="1" applyBorder="1" applyAlignment="1">
      <alignment horizontal="left" vertical="center" wrapText="1"/>
    </xf>
    <xf numFmtId="164" fontId="20" fillId="0" borderId="1" xfId="25" applyNumberFormat="1" applyFont="1" applyFill="1" applyBorder="1" applyAlignment="1">
      <alignment horizontal="left" vertical="center"/>
    </xf>
    <xf numFmtId="166" fontId="20" fillId="0" borderId="1" xfId="6" applyNumberFormat="1" applyFont="1" applyFill="1" applyBorder="1" applyAlignment="1">
      <alignment horizontal="left" vertical="center"/>
    </xf>
    <xf numFmtId="165" fontId="20" fillId="0" borderId="1" xfId="26" applyNumberFormat="1" applyFont="1" applyFill="1" applyBorder="1" applyAlignment="1">
      <alignment horizontal="left" vertical="center"/>
    </xf>
    <xf numFmtId="168" fontId="20" fillId="0" borderId="1" xfId="26" applyNumberFormat="1" applyFont="1" applyFill="1" applyBorder="1" applyAlignment="1">
      <alignment horizontal="left" vertical="center"/>
    </xf>
    <xf numFmtId="168" fontId="22" fillId="0" borderId="1" xfId="26" applyNumberFormat="1" applyFont="1" applyFill="1" applyBorder="1" applyAlignment="1">
      <alignment horizontal="left" vertical="center"/>
    </xf>
    <xf numFmtId="164" fontId="20" fillId="0" borderId="1" xfId="14" applyNumberFormat="1" applyFont="1" applyFill="1" applyBorder="1" applyAlignment="1">
      <alignment horizontal="left" vertical="center"/>
    </xf>
    <xf numFmtId="165" fontId="20" fillId="4" borderId="1" xfId="26" applyNumberFormat="1" applyFont="1" applyFill="1" applyBorder="1" applyAlignment="1">
      <alignment horizontal="left" vertical="center"/>
    </xf>
    <xf numFmtId="168" fontId="20" fillId="4" borderId="1" xfId="26" applyNumberFormat="1" applyFont="1" applyFill="1" applyBorder="1" applyAlignment="1">
      <alignment horizontal="left" vertical="center"/>
    </xf>
    <xf numFmtId="168" fontId="22" fillId="4" borderId="1" xfId="26" applyNumberFormat="1" applyFont="1" applyFill="1" applyBorder="1" applyAlignment="1">
      <alignment horizontal="left" vertical="center"/>
    </xf>
    <xf numFmtId="164" fontId="20" fillId="4" borderId="1" xfId="14" applyNumberFormat="1" applyFont="1" applyFill="1" applyBorder="1" applyAlignment="1">
      <alignment horizontal="left" vertical="center"/>
    </xf>
    <xf numFmtId="166" fontId="20" fillId="0" borderId="1" xfId="14" applyNumberFormat="1" applyFont="1" applyFill="1" applyBorder="1" applyAlignment="1">
      <alignment horizontal="left" vertical="center"/>
    </xf>
    <xf numFmtId="0" fontId="25" fillId="5" borderId="1" xfId="26" applyFont="1" applyFill="1" applyBorder="1" applyAlignment="1">
      <alignment vertical="top" wrapText="1"/>
    </xf>
    <xf numFmtId="0" fontId="26" fillId="6" borderId="1" xfId="0" applyFont="1" applyFill="1" applyBorder="1" applyAlignment="1">
      <alignment horizontal="left" vertical="top"/>
    </xf>
    <xf numFmtId="0" fontId="27" fillId="6" borderId="1" xfId="0" applyFont="1" applyFill="1" applyBorder="1" applyAlignment="1">
      <alignment vertical="center"/>
    </xf>
    <xf numFmtId="165" fontId="20" fillId="0" borderId="1" xfId="16" applyNumberFormat="1" applyFont="1" applyFill="1" applyBorder="1" applyAlignment="1">
      <alignment horizontal="left" vertical="center"/>
    </xf>
    <xf numFmtId="164" fontId="20" fillId="0" borderId="1" xfId="16" applyNumberFormat="1" applyFont="1" applyFill="1" applyBorder="1" applyAlignment="1">
      <alignment horizontal="left" vertical="center"/>
    </xf>
    <xf numFmtId="165" fontId="20" fillId="4" borderId="1" xfId="16" applyNumberFormat="1" applyFont="1" applyFill="1" applyBorder="1" applyAlignment="1">
      <alignment horizontal="left" vertical="center"/>
    </xf>
    <xf numFmtId="164" fontId="20" fillId="4" borderId="1" xfId="16" applyNumberFormat="1" applyFont="1" applyFill="1" applyBorder="1" applyAlignment="1">
      <alignment horizontal="left" vertical="center"/>
    </xf>
    <xf numFmtId="165" fontId="20" fillId="0" borderId="1" xfId="11" applyNumberFormat="1" applyFont="1" applyFill="1" applyBorder="1" applyAlignment="1">
      <alignment horizontal="left" vertical="center"/>
    </xf>
    <xf numFmtId="168" fontId="20" fillId="0" borderId="1" xfId="11" applyNumberFormat="1" applyFont="1" applyFill="1" applyBorder="1" applyAlignment="1">
      <alignment horizontal="left" vertical="center"/>
    </xf>
    <xf numFmtId="168" fontId="22" fillId="0" borderId="1" xfId="11" applyNumberFormat="1" applyFont="1" applyFill="1" applyBorder="1" applyAlignment="1">
      <alignment horizontal="left" vertical="center"/>
    </xf>
    <xf numFmtId="165" fontId="20" fillId="4" borderId="1" xfId="11" applyNumberFormat="1" applyFont="1" applyFill="1" applyBorder="1" applyAlignment="1">
      <alignment horizontal="left" vertical="center"/>
    </xf>
    <xf numFmtId="168" fontId="20" fillId="4" borderId="1" xfId="11" applyNumberFormat="1" applyFont="1" applyFill="1" applyBorder="1" applyAlignment="1">
      <alignment horizontal="left" vertical="center"/>
    </xf>
    <xf numFmtId="168" fontId="22" fillId="4" borderId="1" xfId="11" applyNumberFormat="1" applyFont="1" applyFill="1" applyBorder="1" applyAlignment="1">
      <alignment horizontal="left" vertical="center"/>
    </xf>
    <xf numFmtId="165" fontId="20" fillId="0" borderId="1" xfId="0" applyNumberFormat="1" applyFont="1" applyFill="1" applyBorder="1" applyAlignment="1">
      <alignment horizontal="left" vertical="center"/>
    </xf>
    <xf numFmtId="164" fontId="20" fillId="0" borderId="1" xfId="12" applyNumberFormat="1" applyFont="1" applyFill="1" applyBorder="1" applyAlignment="1">
      <alignment horizontal="left" vertical="center"/>
    </xf>
    <xf numFmtId="165" fontId="20" fillId="0" borderId="1" xfId="12" applyNumberFormat="1" applyFont="1" applyFill="1" applyBorder="1" applyAlignment="1">
      <alignment horizontal="left" vertical="center"/>
    </xf>
    <xf numFmtId="165" fontId="20" fillId="4" borderId="1" xfId="0" applyNumberFormat="1" applyFont="1" applyFill="1" applyBorder="1" applyAlignment="1">
      <alignment horizontal="left" vertical="center"/>
    </xf>
    <xf numFmtId="164" fontId="20" fillId="4" borderId="1" xfId="12" applyNumberFormat="1" applyFont="1" applyFill="1" applyBorder="1" applyAlignment="1">
      <alignment horizontal="left" vertical="center"/>
    </xf>
    <xf numFmtId="165" fontId="20" fillId="4" borderId="1" xfId="12" applyNumberFormat="1" applyFont="1" applyFill="1" applyBorder="1" applyAlignment="1">
      <alignment horizontal="left" vertical="center"/>
    </xf>
    <xf numFmtId="168" fontId="21" fillId="6" borderId="1" xfId="15" applyNumberFormat="1" applyFont="1" applyFill="1" applyBorder="1" applyAlignment="1">
      <alignment horizontal="left" vertical="top" wrapText="1"/>
    </xf>
    <xf numFmtId="165" fontId="20" fillId="0" borderId="1" xfId="28" applyNumberFormat="1" applyFont="1" applyFill="1" applyBorder="1" applyAlignment="1">
      <alignment horizontal="left" vertical="center"/>
    </xf>
    <xf numFmtId="168" fontId="22" fillId="0" borderId="1" xfId="0" applyNumberFormat="1" applyFont="1" applyFill="1" applyBorder="1" applyAlignment="1">
      <alignment horizontal="left" vertical="center"/>
    </xf>
    <xf numFmtId="165" fontId="20" fillId="4" borderId="1" xfId="28" applyNumberFormat="1" applyFont="1" applyFill="1" applyBorder="1" applyAlignment="1">
      <alignment horizontal="left" vertical="center"/>
    </xf>
    <xf numFmtId="168" fontId="22" fillId="4" borderId="1" xfId="0" applyNumberFormat="1" applyFont="1" applyFill="1" applyBorder="1" applyAlignment="1">
      <alignment horizontal="left" vertical="center"/>
    </xf>
    <xf numFmtId="165" fontId="20" fillId="0" borderId="1" xfId="27" applyNumberFormat="1" applyFont="1" applyFill="1" applyBorder="1" applyAlignment="1">
      <alignment horizontal="left" vertical="center"/>
    </xf>
    <xf numFmtId="168" fontId="20" fillId="0" borderId="1" xfId="27" applyNumberFormat="1" applyFont="1" applyFill="1" applyBorder="1" applyAlignment="1">
      <alignment horizontal="left" vertical="center"/>
    </xf>
    <xf numFmtId="168" fontId="22" fillId="0" borderId="1" xfId="27" applyNumberFormat="1" applyFont="1" applyFill="1" applyBorder="1" applyAlignment="1">
      <alignment horizontal="left" vertical="center"/>
    </xf>
    <xf numFmtId="165" fontId="20" fillId="4" borderId="1" xfId="27" applyNumberFormat="1" applyFont="1" applyFill="1" applyBorder="1" applyAlignment="1">
      <alignment horizontal="left" vertical="center"/>
    </xf>
    <xf numFmtId="168" fontId="20" fillId="4" borderId="1" xfId="27" applyNumberFormat="1" applyFont="1" applyFill="1" applyBorder="1" applyAlignment="1">
      <alignment horizontal="left" vertical="center"/>
    </xf>
    <xf numFmtId="168" fontId="22" fillId="4" borderId="1" xfId="27" applyNumberFormat="1" applyFont="1" applyFill="1" applyBorder="1" applyAlignment="1">
      <alignment horizontal="left" vertical="center"/>
    </xf>
    <xf numFmtId="165" fontId="20" fillId="0" borderId="1" xfId="5" applyNumberFormat="1" applyFont="1" applyFill="1" applyBorder="1" applyAlignment="1">
      <alignment horizontal="left" vertical="center"/>
    </xf>
    <xf numFmtId="164" fontId="20" fillId="0" borderId="1" xfId="5" applyNumberFormat="1" applyFont="1" applyFill="1" applyBorder="1" applyAlignment="1">
      <alignment horizontal="left" vertical="center"/>
    </xf>
    <xf numFmtId="165" fontId="20" fillId="4" borderId="1" xfId="5" applyNumberFormat="1" applyFont="1" applyFill="1" applyBorder="1" applyAlignment="1">
      <alignment horizontal="left" vertical="center"/>
    </xf>
    <xf numFmtId="164" fontId="20" fillId="4" borderId="1" xfId="5" applyNumberFormat="1" applyFont="1" applyFill="1" applyBorder="1" applyAlignment="1">
      <alignment horizontal="left" vertical="center"/>
    </xf>
    <xf numFmtId="165" fontId="20" fillId="0" borderId="1" xfId="9" applyNumberFormat="1" applyFont="1" applyFill="1" applyBorder="1" applyAlignment="1">
      <alignment horizontal="left" vertical="center"/>
    </xf>
    <xf numFmtId="168" fontId="20" fillId="0" borderId="1" xfId="9" applyNumberFormat="1" applyFont="1" applyFill="1" applyBorder="1" applyAlignment="1">
      <alignment horizontal="left" vertical="center"/>
    </xf>
    <xf numFmtId="167" fontId="20" fillId="0" borderId="1" xfId="9" applyNumberFormat="1" applyFont="1" applyFill="1" applyBorder="1" applyAlignment="1">
      <alignment horizontal="left" vertical="center"/>
    </xf>
    <xf numFmtId="164" fontId="20" fillId="0" borderId="1" xfId="9" applyNumberFormat="1" applyFont="1" applyFill="1" applyBorder="1" applyAlignment="1">
      <alignment horizontal="left" vertical="center"/>
    </xf>
    <xf numFmtId="165" fontId="20" fillId="4" borderId="1" xfId="9" applyNumberFormat="1" applyFont="1" applyFill="1" applyBorder="1" applyAlignment="1">
      <alignment horizontal="left" vertical="center"/>
    </xf>
    <xf numFmtId="168" fontId="20" fillId="4" borderId="1" xfId="9" applyNumberFormat="1" applyFont="1" applyFill="1" applyBorder="1" applyAlignment="1">
      <alignment horizontal="left" vertical="center"/>
    </xf>
    <xf numFmtId="167" fontId="20" fillId="4" borderId="1" xfId="9" applyNumberFormat="1" applyFont="1" applyFill="1" applyBorder="1" applyAlignment="1">
      <alignment horizontal="left" vertical="center"/>
    </xf>
    <xf numFmtId="164" fontId="20" fillId="4" borderId="1" xfId="9" applyNumberFormat="1" applyFont="1" applyFill="1" applyBorder="1" applyAlignment="1">
      <alignment horizontal="left" vertical="center"/>
    </xf>
    <xf numFmtId="165" fontId="20" fillId="0" borderId="1" xfId="13" applyNumberFormat="1" applyFont="1" applyFill="1" applyBorder="1" applyAlignment="1">
      <alignment horizontal="left" vertical="center"/>
    </xf>
    <xf numFmtId="165" fontId="20" fillId="4" borderId="1" xfId="13" applyNumberFormat="1" applyFont="1" applyFill="1" applyBorder="1" applyAlignment="1">
      <alignment horizontal="left" vertical="center"/>
    </xf>
    <xf numFmtId="168" fontId="20" fillId="4" borderId="1" xfId="13" applyNumberFormat="1" applyFont="1" applyFill="1" applyBorder="1" applyAlignment="1">
      <alignment horizontal="left" vertical="center"/>
    </xf>
    <xf numFmtId="168" fontId="22" fillId="4" borderId="1" xfId="13" applyNumberFormat="1" applyFont="1" applyFill="1" applyBorder="1" applyAlignment="1">
      <alignment horizontal="left" vertical="center"/>
    </xf>
    <xf numFmtId="164" fontId="20" fillId="4" borderId="1" xfId="13" applyNumberFormat="1" applyFont="1" applyFill="1" applyBorder="1" applyAlignment="1">
      <alignment horizontal="left" vertical="center"/>
    </xf>
    <xf numFmtId="165" fontId="20" fillId="0" borderId="1" xfId="23" applyNumberFormat="1" applyFont="1" applyFill="1" applyBorder="1" applyAlignment="1">
      <alignment horizontal="left" vertical="center"/>
    </xf>
    <xf numFmtId="165" fontId="20" fillId="4" borderId="1" xfId="23" applyNumberFormat="1" applyFont="1" applyFill="1" applyBorder="1" applyAlignment="1">
      <alignment horizontal="left" vertical="center"/>
    </xf>
    <xf numFmtId="168" fontId="20" fillId="4" borderId="1" xfId="36" applyNumberFormat="1" applyFont="1" applyFill="1" applyBorder="1" applyAlignment="1">
      <alignment horizontal="left" vertical="center"/>
    </xf>
    <xf numFmtId="168" fontId="22" fillId="4" borderId="1" xfId="23" applyNumberFormat="1" applyFont="1" applyFill="1" applyBorder="1" applyAlignment="1">
      <alignment horizontal="left" vertical="center"/>
    </xf>
    <xf numFmtId="164" fontId="20" fillId="0" borderId="1" xfId="23" applyNumberFormat="1" applyFont="1" applyFill="1" applyBorder="1" applyAlignment="1">
      <alignment horizontal="left" vertical="center"/>
    </xf>
    <xf numFmtId="164" fontId="20" fillId="4" borderId="1" xfId="23" applyNumberFormat="1" applyFont="1" applyFill="1" applyBorder="1" applyAlignment="1">
      <alignment horizontal="left" vertical="center"/>
    </xf>
    <xf numFmtId="165" fontId="20" fillId="0" borderId="1" xfId="4" applyNumberFormat="1" applyFont="1" applyFill="1" applyBorder="1" applyAlignment="1">
      <alignment horizontal="left" vertical="center"/>
    </xf>
    <xf numFmtId="165" fontId="20" fillId="4" borderId="1" xfId="4" applyNumberFormat="1" applyFont="1" applyFill="1" applyBorder="1" applyAlignment="1">
      <alignment horizontal="left" vertical="center"/>
    </xf>
    <xf numFmtId="164" fontId="20" fillId="4" borderId="1" xfId="35" applyNumberFormat="1" applyFont="1" applyFill="1" applyBorder="1" applyAlignment="1">
      <alignment horizontal="left" vertical="center"/>
    </xf>
    <xf numFmtId="164" fontId="20" fillId="0" borderId="1" xfId="24" applyNumberFormat="1" applyFont="1" applyFill="1" applyBorder="1" applyAlignment="1">
      <alignment horizontal="left" vertical="center"/>
    </xf>
    <xf numFmtId="165" fontId="20" fillId="0" borderId="1" xfId="34" applyNumberFormat="1" applyFont="1" applyFill="1" applyBorder="1" applyAlignment="1">
      <alignment horizontal="left" vertical="center"/>
    </xf>
    <xf numFmtId="168" fontId="20" fillId="0" borderId="1" xfId="34" applyNumberFormat="1" applyFont="1" applyFill="1" applyBorder="1" applyAlignment="1">
      <alignment horizontal="left" vertical="center"/>
    </xf>
    <xf numFmtId="165" fontId="20" fillId="4" borderId="1" xfId="34" applyNumberFormat="1" applyFont="1" applyFill="1" applyBorder="1" applyAlignment="1">
      <alignment horizontal="left" vertical="center"/>
    </xf>
    <xf numFmtId="168" fontId="20" fillId="4" borderId="1" xfId="34" applyNumberFormat="1" applyFont="1" applyFill="1" applyBorder="1" applyAlignment="1">
      <alignment horizontal="left" vertical="center"/>
    </xf>
    <xf numFmtId="164" fontId="20" fillId="0" borderId="1" xfId="34" applyNumberFormat="1" applyFont="1" applyFill="1" applyBorder="1" applyAlignment="1">
      <alignment horizontal="left" vertical="center"/>
    </xf>
    <xf numFmtId="164" fontId="20" fillId="4" borderId="1" xfId="34" applyNumberFormat="1" applyFont="1" applyFill="1" applyBorder="1" applyAlignment="1">
      <alignment horizontal="left" vertical="center"/>
    </xf>
    <xf numFmtId="165" fontId="20" fillId="0" borderId="1" xfId="7" applyNumberFormat="1" applyFont="1" applyFill="1" applyBorder="1" applyAlignment="1">
      <alignment horizontal="left" vertical="center"/>
    </xf>
    <xf numFmtId="165" fontId="20" fillId="4" borderId="1" xfId="7" applyNumberFormat="1" applyFont="1" applyFill="1" applyBorder="1" applyAlignment="1">
      <alignment horizontal="left" vertical="center"/>
    </xf>
    <xf numFmtId="164" fontId="20" fillId="0" borderId="1" xfId="29" applyNumberFormat="1" applyFont="1" applyFill="1" applyBorder="1" applyAlignment="1">
      <alignment horizontal="left" vertical="center"/>
    </xf>
    <xf numFmtId="164" fontId="20" fillId="0" borderId="1" xfId="7" applyNumberFormat="1" applyFont="1" applyFill="1" applyBorder="1" applyAlignment="1">
      <alignment horizontal="left" vertical="center"/>
    </xf>
    <xf numFmtId="164" fontId="20" fillId="4" borderId="1" xfId="29" applyNumberFormat="1" applyFont="1" applyFill="1" applyBorder="1" applyAlignment="1">
      <alignment horizontal="left" vertical="center"/>
    </xf>
    <xf numFmtId="164" fontId="20" fillId="4" borderId="1" xfId="7" applyNumberFormat="1" applyFont="1" applyFill="1" applyBorder="1" applyAlignment="1">
      <alignment horizontal="left" vertical="center"/>
    </xf>
    <xf numFmtId="165" fontId="20" fillId="0" borderId="1" xfId="8" applyNumberFormat="1" applyFont="1" applyFill="1" applyBorder="1" applyAlignment="1">
      <alignment horizontal="left" vertical="center"/>
    </xf>
    <xf numFmtId="165" fontId="20" fillId="4" borderId="1" xfId="8" applyNumberFormat="1" applyFont="1" applyFill="1" applyBorder="1" applyAlignment="1">
      <alignment horizontal="left" vertical="center"/>
    </xf>
    <xf numFmtId="168" fontId="20" fillId="4" borderId="1" xfId="8" applyNumberFormat="1" applyFont="1" applyFill="1" applyBorder="1" applyAlignment="1">
      <alignment horizontal="left" vertical="center"/>
    </xf>
    <xf numFmtId="164" fontId="20" fillId="0" borderId="1" xfId="8" applyNumberFormat="1" applyFont="1" applyFill="1" applyBorder="1" applyAlignment="1">
      <alignment horizontal="left" vertical="center"/>
    </xf>
    <xf numFmtId="164" fontId="20" fillId="4" borderId="1" xfId="8" applyNumberFormat="1" applyFont="1" applyFill="1" applyBorder="1" applyAlignment="1">
      <alignment horizontal="left" vertical="center"/>
    </xf>
    <xf numFmtId="165" fontId="20" fillId="0" borderId="1" xfId="10" applyNumberFormat="1" applyFont="1" applyFill="1" applyBorder="1" applyAlignment="1">
      <alignment horizontal="left" vertical="center"/>
    </xf>
    <xf numFmtId="168" fontId="20" fillId="0" borderId="1" xfId="10" applyNumberFormat="1" applyFont="1" applyFill="1" applyBorder="1" applyAlignment="1">
      <alignment horizontal="left" vertical="center"/>
    </xf>
    <xf numFmtId="165" fontId="20" fillId="4" borderId="1" xfId="10" applyNumberFormat="1" applyFont="1" applyFill="1" applyBorder="1" applyAlignment="1">
      <alignment horizontal="left" vertical="center"/>
    </xf>
    <xf numFmtId="168" fontId="20" fillId="4" borderId="1" xfId="10" applyNumberFormat="1" applyFont="1" applyFill="1" applyBorder="1" applyAlignment="1">
      <alignment horizontal="left" vertical="center"/>
    </xf>
    <xf numFmtId="168" fontId="22" fillId="4" borderId="1" xfId="10" applyNumberFormat="1" applyFont="1" applyFill="1" applyBorder="1" applyAlignment="1">
      <alignment horizontal="left" vertical="center"/>
    </xf>
    <xf numFmtId="164" fontId="20" fillId="0" borderId="1" xfId="10" applyNumberFormat="1" applyFont="1" applyFill="1" applyBorder="1" applyAlignment="1">
      <alignment horizontal="left" vertical="center"/>
    </xf>
    <xf numFmtId="164" fontId="20" fillId="4" borderId="1" xfId="10" applyNumberFormat="1" applyFont="1" applyFill="1" applyBorder="1" applyAlignment="1">
      <alignment horizontal="left" vertical="center"/>
    </xf>
    <xf numFmtId="165" fontId="20" fillId="0" borderId="1" xfId="37" applyNumberFormat="1" applyFont="1" applyFill="1" applyBorder="1" applyAlignment="1">
      <alignment horizontal="left" vertical="center"/>
    </xf>
    <xf numFmtId="164" fontId="20" fillId="0" borderId="1" xfId="37" applyNumberFormat="1" applyFont="1" applyFill="1" applyBorder="1" applyAlignment="1">
      <alignment horizontal="left" vertical="center"/>
    </xf>
    <xf numFmtId="165" fontId="20" fillId="4" borderId="1" xfId="37" applyNumberFormat="1" applyFont="1" applyFill="1" applyBorder="1" applyAlignment="1">
      <alignment horizontal="left" vertical="center"/>
    </xf>
    <xf numFmtId="164" fontId="20" fillId="4" borderId="1" xfId="37" applyNumberFormat="1" applyFont="1" applyFill="1" applyBorder="1" applyAlignment="1">
      <alignment horizontal="left" vertical="center"/>
    </xf>
    <xf numFmtId="165" fontId="20" fillId="0" borderId="1" xfId="3" applyNumberFormat="1" applyFont="1" applyFill="1" applyBorder="1" applyAlignment="1">
      <alignment horizontal="left" vertical="center"/>
    </xf>
    <xf numFmtId="165" fontId="20" fillId="4" borderId="1" xfId="3" applyNumberFormat="1" applyFont="1" applyFill="1" applyBorder="1" applyAlignment="1">
      <alignment horizontal="left" vertical="center"/>
    </xf>
    <xf numFmtId="165" fontId="20" fillId="0" borderId="1" xfId="32" applyNumberFormat="1" applyFont="1" applyFill="1" applyBorder="1" applyAlignment="1">
      <alignment horizontal="left" vertical="center"/>
    </xf>
    <xf numFmtId="165" fontId="20" fillId="4" borderId="1" xfId="32" applyNumberFormat="1" applyFont="1" applyFill="1" applyBorder="1" applyAlignment="1">
      <alignment horizontal="left" vertical="center"/>
    </xf>
    <xf numFmtId="164" fontId="20" fillId="0" borderId="1" xfId="32" applyNumberFormat="1" applyFont="1" applyFill="1" applyBorder="1" applyAlignment="1">
      <alignment horizontal="left" vertical="center"/>
    </xf>
    <xf numFmtId="164" fontId="20" fillId="4" borderId="1" xfId="32" applyNumberFormat="1" applyFont="1" applyFill="1" applyBorder="1" applyAlignment="1">
      <alignment horizontal="left" vertical="center"/>
    </xf>
    <xf numFmtId="165" fontId="20" fillId="0" borderId="1" xfId="19" applyNumberFormat="1" applyFont="1" applyFill="1" applyBorder="1" applyAlignment="1">
      <alignment horizontal="left" vertical="center"/>
    </xf>
    <xf numFmtId="165" fontId="20" fillId="4" borderId="1" xfId="19" applyNumberFormat="1" applyFont="1" applyFill="1" applyBorder="1" applyAlignment="1">
      <alignment horizontal="left" vertical="center"/>
    </xf>
    <xf numFmtId="165" fontId="20" fillId="0" borderId="1" xfId="21" applyNumberFormat="1" applyFont="1" applyFill="1" applyBorder="1" applyAlignment="1">
      <alignment horizontal="left" vertical="center"/>
    </xf>
    <xf numFmtId="165" fontId="20" fillId="4" borderId="1" xfId="21" applyNumberFormat="1" applyFont="1" applyFill="1" applyBorder="1" applyAlignment="1">
      <alignment horizontal="left" vertical="center"/>
    </xf>
    <xf numFmtId="164" fontId="20" fillId="0" borderId="1" xfId="21" applyNumberFormat="1" applyFont="1" applyFill="1" applyBorder="1" applyAlignment="1">
      <alignment horizontal="left" vertical="center"/>
    </xf>
    <xf numFmtId="164" fontId="20" fillId="4" borderId="1" xfId="21" applyNumberFormat="1" applyFont="1" applyFill="1" applyBorder="1" applyAlignment="1">
      <alignment horizontal="left" vertical="center"/>
    </xf>
    <xf numFmtId="165" fontId="20" fillId="0" borderId="1" xfId="18" applyNumberFormat="1" applyFont="1" applyFill="1" applyBorder="1" applyAlignment="1">
      <alignment horizontal="left" vertical="center"/>
    </xf>
    <xf numFmtId="168" fontId="20" fillId="0" borderId="1" xfId="18" applyNumberFormat="1" applyFont="1" applyFill="1" applyBorder="1" applyAlignment="1">
      <alignment horizontal="left" vertical="center"/>
    </xf>
    <xf numFmtId="168" fontId="22" fillId="0" borderId="1" xfId="18" applyNumberFormat="1" applyFont="1" applyFill="1" applyBorder="1" applyAlignment="1">
      <alignment horizontal="left" vertical="center"/>
    </xf>
    <xf numFmtId="165" fontId="20" fillId="4" borderId="1" xfId="18" applyNumberFormat="1" applyFont="1" applyFill="1" applyBorder="1" applyAlignment="1">
      <alignment horizontal="left" vertical="center"/>
    </xf>
    <xf numFmtId="168" fontId="20" fillId="4" borderId="1" xfId="18" applyNumberFormat="1" applyFont="1" applyFill="1" applyBorder="1" applyAlignment="1">
      <alignment horizontal="left" vertical="center"/>
    </xf>
    <xf numFmtId="168" fontId="22" fillId="4" borderId="1" xfId="18" applyNumberFormat="1" applyFont="1" applyFill="1" applyBorder="1" applyAlignment="1">
      <alignment horizontal="left" vertical="center"/>
    </xf>
    <xf numFmtId="164" fontId="20" fillId="0" borderId="1" xfId="18" applyNumberFormat="1" applyFont="1" applyFill="1" applyBorder="1" applyAlignment="1">
      <alignment horizontal="left" vertical="center"/>
    </xf>
    <xf numFmtId="164" fontId="20" fillId="4" borderId="1" xfId="18" applyNumberFormat="1" applyFont="1" applyFill="1" applyBorder="1" applyAlignment="1">
      <alignment horizontal="left" vertical="center"/>
    </xf>
    <xf numFmtId="165" fontId="20" fillId="0" borderId="1" xfId="20" applyNumberFormat="1" applyFont="1" applyFill="1" applyBorder="1" applyAlignment="1">
      <alignment horizontal="left" vertical="center"/>
    </xf>
    <xf numFmtId="165" fontId="20" fillId="4" borderId="1" xfId="20" applyNumberFormat="1" applyFont="1" applyFill="1" applyBorder="1" applyAlignment="1">
      <alignment horizontal="left" vertical="center"/>
    </xf>
    <xf numFmtId="168" fontId="20" fillId="4" borderId="1" xfId="20" applyNumberFormat="1" applyFont="1" applyFill="1" applyBorder="1" applyAlignment="1">
      <alignment horizontal="left" vertical="center"/>
    </xf>
    <xf numFmtId="168" fontId="22" fillId="4" borderId="1" xfId="20" applyNumberFormat="1" applyFont="1" applyFill="1" applyBorder="1" applyAlignment="1">
      <alignment horizontal="left" vertical="center"/>
    </xf>
    <xf numFmtId="164" fontId="20" fillId="0" borderId="1" xfId="20" applyNumberFormat="1" applyFont="1" applyFill="1" applyBorder="1" applyAlignment="1">
      <alignment horizontal="left" vertical="center"/>
    </xf>
    <xf numFmtId="164" fontId="20" fillId="4" borderId="1" xfId="20" applyNumberFormat="1" applyFont="1" applyFill="1" applyBorder="1" applyAlignment="1">
      <alignment horizontal="left" vertical="center"/>
    </xf>
    <xf numFmtId="166" fontId="20" fillId="0" borderId="1" xfId="20" applyNumberFormat="1" applyFont="1" applyFill="1" applyBorder="1" applyAlignment="1">
      <alignment horizontal="left" vertical="center"/>
    </xf>
    <xf numFmtId="165" fontId="20" fillId="0" borderId="1" xfId="17" applyNumberFormat="1" applyFont="1" applyFill="1" applyBorder="1" applyAlignment="1">
      <alignment horizontal="left" vertical="center"/>
    </xf>
    <xf numFmtId="165" fontId="20" fillId="4" borderId="1" xfId="17" applyNumberFormat="1" applyFont="1" applyFill="1" applyBorder="1" applyAlignment="1">
      <alignment horizontal="left" vertical="center"/>
    </xf>
    <xf numFmtId="168" fontId="20" fillId="4" borderId="1" xfId="17" applyNumberFormat="1" applyFont="1" applyFill="1" applyBorder="1" applyAlignment="1">
      <alignment horizontal="left" vertical="center"/>
    </xf>
    <xf numFmtId="168" fontId="22" fillId="4" borderId="1" xfId="17" applyNumberFormat="1" applyFont="1" applyFill="1" applyBorder="1" applyAlignment="1">
      <alignment horizontal="left" vertical="center"/>
    </xf>
    <xf numFmtId="0" fontId="5" fillId="3" borderId="0" xfId="0" applyFont="1" applyFill="1" applyAlignment="1">
      <alignment wrapText="1"/>
    </xf>
    <xf numFmtId="0" fontId="0" fillId="2" borderId="0" xfId="0" applyFill="1"/>
    <xf numFmtId="0" fontId="5" fillId="3" borderId="0" xfId="0" applyFont="1" applyFill="1" applyAlignment="1">
      <alignment horizontal="left" wrapText="1"/>
    </xf>
    <xf numFmtId="0" fontId="29" fillId="2" borderId="0" xfId="0" applyFont="1" applyFill="1"/>
    <xf numFmtId="0" fontId="14" fillId="0" borderId="0" xfId="0" applyFont="1" applyFill="1" applyBorder="1" applyAlignment="1">
      <alignment vertical="top"/>
    </xf>
    <xf numFmtId="0" fontId="0" fillId="0" borderId="0" xfId="0" applyFont="1" applyFill="1"/>
    <xf numFmtId="0" fontId="28" fillId="0" borderId="0" xfId="0" applyFont="1"/>
    <xf numFmtId="0" fontId="15" fillId="0" borderId="0" xfId="5" quotePrefix="1" applyFont="1" applyFill="1" applyBorder="1" applyAlignment="1">
      <alignment vertical="top" wrapText="1"/>
    </xf>
    <xf numFmtId="0" fontId="32" fillId="3" borderId="0" xfId="1" applyFont="1" applyFill="1"/>
    <xf numFmtId="0" fontId="32" fillId="3" borderId="0" xfId="1" quotePrefix="1" applyFont="1" applyFill="1"/>
    <xf numFmtId="0" fontId="15" fillId="0" borderId="0" xfId="3" quotePrefix="1" applyFont="1" applyFill="1" applyBorder="1" applyAlignment="1">
      <alignment horizontal="left" vertical="top" wrapText="1"/>
    </xf>
    <xf numFmtId="0" fontId="24" fillId="0" borderId="0" xfId="17" applyFont="1" applyFill="1" applyBorder="1" applyAlignment="1">
      <alignment horizontal="left" vertical="center" wrapText="1"/>
    </xf>
    <xf numFmtId="165" fontId="20" fillId="0" borderId="0" xfId="13" applyNumberFormat="1" applyFont="1" applyFill="1" applyBorder="1" applyAlignment="1">
      <alignment horizontal="left" vertical="center"/>
    </xf>
    <xf numFmtId="168" fontId="20" fillId="0" borderId="0" xfId="13" applyNumberFormat="1" applyFont="1" applyFill="1" applyBorder="1" applyAlignment="1">
      <alignment horizontal="left" vertical="center"/>
    </xf>
    <xf numFmtId="168" fontId="22" fillId="0" borderId="0" xfId="13" applyNumberFormat="1" applyFont="1" applyFill="1" applyBorder="1" applyAlignment="1">
      <alignment horizontal="left" vertical="center"/>
    </xf>
    <xf numFmtId="165" fontId="20" fillId="0" borderId="0" xfId="0" applyNumberFormat="1" applyFont="1" applyFill="1" applyBorder="1" applyAlignment="1">
      <alignment horizontal="left" vertical="center"/>
    </xf>
    <xf numFmtId="164" fontId="20" fillId="0" borderId="0" xfId="13" applyNumberFormat="1" applyFont="1" applyFill="1" applyBorder="1" applyAlignment="1">
      <alignment horizontal="left" vertical="center"/>
    </xf>
    <xf numFmtId="167" fontId="22" fillId="0" borderId="0" xfId="0" applyNumberFormat="1" applyFont="1" applyFill="1" applyBorder="1" applyAlignment="1">
      <alignment horizontal="left" vertical="center" wrapText="1"/>
    </xf>
    <xf numFmtId="0" fontId="0" fillId="0" borderId="0" xfId="0" applyFill="1"/>
    <xf numFmtId="0" fontId="15" fillId="0" borderId="0" xfId="4" quotePrefix="1" applyFont="1" applyFill="1" applyBorder="1" applyAlignment="1">
      <alignment vertical="top" wrapText="1"/>
    </xf>
    <xf numFmtId="165" fontId="20" fillId="0" borderId="0" xfId="10" applyNumberFormat="1" applyFont="1" applyFill="1" applyBorder="1" applyAlignment="1">
      <alignment horizontal="left" vertical="center"/>
    </xf>
    <xf numFmtId="164" fontId="20" fillId="0" borderId="0" xfId="10" applyNumberFormat="1" applyFont="1" applyFill="1" applyBorder="1" applyAlignment="1">
      <alignment horizontal="left" vertical="center"/>
    </xf>
    <xf numFmtId="0" fontId="0" fillId="0" borderId="0" xfId="0" applyFill="1" applyBorder="1"/>
    <xf numFmtId="0" fontId="15" fillId="0" borderId="0" xfId="3" quotePrefix="1" applyFont="1" applyFill="1" applyBorder="1" applyAlignment="1">
      <alignment vertical="top" wrapText="1"/>
    </xf>
    <xf numFmtId="167" fontId="19" fillId="7" borderId="3" xfId="29" applyNumberFormat="1" applyFont="1" applyFill="1" applyBorder="1" applyAlignment="1">
      <alignment horizontal="left" vertical="top" wrapText="1"/>
    </xf>
    <xf numFmtId="165" fontId="20" fillId="0" borderId="0" xfId="18" applyNumberFormat="1" applyFont="1" applyFill="1" applyBorder="1" applyAlignment="1">
      <alignment horizontal="left" vertical="center"/>
    </xf>
    <xf numFmtId="168" fontId="20" fillId="0" borderId="0" xfId="18" applyNumberFormat="1" applyFont="1" applyFill="1" applyBorder="1" applyAlignment="1">
      <alignment horizontal="left" vertical="center"/>
    </xf>
    <xf numFmtId="168" fontId="22" fillId="0" borderId="0" xfId="18" applyNumberFormat="1" applyFont="1" applyFill="1" applyBorder="1" applyAlignment="1">
      <alignment horizontal="left" vertical="center"/>
    </xf>
    <xf numFmtId="0" fontId="3" fillId="3" borderId="0" xfId="1" applyFill="1" applyAlignment="1">
      <alignment horizontal="left"/>
    </xf>
    <xf numFmtId="0" fontId="15" fillId="0" borderId="0" xfId="5" quotePrefix="1" applyFont="1" applyFill="1" applyBorder="1" applyAlignment="1">
      <alignment vertical="top" wrapText="1"/>
    </xf>
    <xf numFmtId="0" fontId="19" fillId="6" borderId="1" xfId="29" applyFont="1" applyFill="1" applyBorder="1" applyAlignment="1">
      <alignment horizontal="left" vertical="top" wrapText="1"/>
    </xf>
    <xf numFmtId="0" fontId="22" fillId="6" borderId="1" xfId="15" applyFont="1" applyFill="1" applyBorder="1" applyAlignment="1">
      <alignment horizontal="left" vertical="top" wrapText="1"/>
    </xf>
    <xf numFmtId="0" fontId="19" fillId="7" borderId="1" xfId="29" applyFont="1" applyFill="1" applyBorder="1" applyAlignment="1">
      <alignment horizontal="left" vertical="top" wrapText="1"/>
    </xf>
    <xf numFmtId="0" fontId="22" fillId="7" borderId="1" xfId="15" applyFont="1" applyFill="1" applyBorder="1" applyAlignment="1">
      <alignment horizontal="left" vertical="top" wrapText="1"/>
    </xf>
    <xf numFmtId="168" fontId="21" fillId="7" borderId="1" xfId="15" applyNumberFormat="1" applyFont="1" applyFill="1" applyBorder="1" applyAlignment="1">
      <alignment horizontal="left" vertical="top" wrapText="1"/>
    </xf>
    <xf numFmtId="167" fontId="22" fillId="7" borderId="3" xfId="15" applyNumberFormat="1" applyFont="1" applyFill="1" applyBorder="1" applyAlignment="1">
      <alignment horizontal="left" vertical="top" wrapText="1"/>
    </xf>
    <xf numFmtId="167" fontId="22" fillId="0" borderId="3" xfId="0" applyNumberFormat="1" applyFont="1" applyFill="1" applyBorder="1" applyAlignment="1">
      <alignment horizontal="left" vertical="center" wrapText="1"/>
    </xf>
    <xf numFmtId="167" fontId="22" fillId="4" borderId="3" xfId="0" applyNumberFormat="1" applyFont="1" applyFill="1" applyBorder="1" applyAlignment="1">
      <alignment horizontal="left" vertical="center" wrapText="1"/>
    </xf>
    <xf numFmtId="167" fontId="18" fillId="7" borderId="1" xfId="29" applyNumberFormat="1" applyFont="1" applyFill="1" applyBorder="1" applyAlignment="1">
      <alignment horizontal="left" vertical="top" wrapText="1"/>
    </xf>
    <xf numFmtId="167" fontId="21" fillId="7" borderId="1" xfId="15" applyNumberFormat="1" applyFont="1" applyFill="1" applyBorder="1" applyAlignment="1">
      <alignment horizontal="left" vertical="top" wrapText="1"/>
    </xf>
    <xf numFmtId="0" fontId="15" fillId="0" borderId="0" xfId="3" quotePrefix="1" applyFont="1" applyFill="1" applyBorder="1" applyAlignment="1">
      <alignment vertical="top" wrapText="1"/>
    </xf>
    <xf numFmtId="0" fontId="0" fillId="0" borderId="0" xfId="0" applyAlignment="1">
      <alignment horizontal="center"/>
    </xf>
    <xf numFmtId="167" fontId="22" fillId="0" borderId="1" xfId="15" applyNumberFormat="1" applyFont="1" applyFill="1" applyBorder="1" applyAlignment="1">
      <alignment horizontal="left" vertical="center"/>
    </xf>
    <xf numFmtId="167" fontId="22" fillId="4" borderId="1" xfId="15" applyNumberFormat="1" applyFont="1" applyFill="1" applyBorder="1" applyAlignment="1">
      <alignment horizontal="left" vertical="center"/>
    </xf>
    <xf numFmtId="167" fontId="20" fillId="0" borderId="1" xfId="22" applyNumberFormat="1" applyFont="1" applyFill="1" applyBorder="1" applyAlignment="1">
      <alignment horizontal="left" vertical="center"/>
    </xf>
    <xf numFmtId="167" fontId="22" fillId="0" borderId="1" xfId="22" applyNumberFormat="1" applyFont="1" applyFill="1" applyBorder="1" applyAlignment="1">
      <alignment horizontal="left" vertical="center"/>
    </xf>
    <xf numFmtId="167" fontId="20" fillId="4" borderId="1" xfId="22" applyNumberFormat="1" applyFont="1" applyFill="1" applyBorder="1" applyAlignment="1">
      <alignment horizontal="left" vertical="center"/>
    </xf>
    <xf numFmtId="167" fontId="22" fillId="4" borderId="1" xfId="22" applyNumberFormat="1" applyFont="1" applyFill="1" applyBorder="1" applyAlignment="1">
      <alignment horizontal="left" vertical="center"/>
    </xf>
    <xf numFmtId="167" fontId="20" fillId="0" borderId="1" xfId="24" applyNumberFormat="1" applyFont="1" applyFill="1" applyBorder="1" applyAlignment="1">
      <alignment horizontal="left" vertical="center"/>
    </xf>
    <xf numFmtId="167" fontId="20" fillId="0" borderId="1" xfId="29" applyNumberFormat="1" applyFont="1" applyFill="1" applyBorder="1" applyAlignment="1">
      <alignment horizontal="left" vertical="center"/>
    </xf>
    <xf numFmtId="167" fontId="20" fillId="4" borderId="1" xfId="29" applyNumberFormat="1" applyFont="1" applyFill="1" applyBorder="1" applyAlignment="1">
      <alignment horizontal="left" vertical="center"/>
    </xf>
    <xf numFmtId="167" fontId="20" fillId="0" borderId="1" xfId="31" applyNumberFormat="1" applyFont="1" applyFill="1" applyBorder="1" applyAlignment="1">
      <alignment horizontal="left" vertical="center"/>
    </xf>
    <xf numFmtId="167" fontId="22" fillId="0" borderId="1" xfId="33" applyNumberFormat="1" applyFont="1" applyFill="1" applyBorder="1" applyAlignment="1">
      <alignment horizontal="left" vertical="center"/>
    </xf>
    <xf numFmtId="167" fontId="20" fillId="0" borderId="1" xfId="33" applyNumberFormat="1" applyFont="1" applyFill="1" applyBorder="1" applyAlignment="1">
      <alignment horizontal="left" vertical="center"/>
    </xf>
    <xf numFmtId="167" fontId="20" fillId="4" borderId="1" xfId="31" applyNumberFormat="1" applyFont="1" applyFill="1" applyBorder="1" applyAlignment="1">
      <alignment horizontal="left" vertical="center"/>
    </xf>
    <xf numFmtId="167" fontId="22" fillId="4" borderId="1" xfId="33" applyNumberFormat="1" applyFont="1" applyFill="1" applyBorder="1" applyAlignment="1">
      <alignment horizontal="left" vertical="center"/>
    </xf>
    <xf numFmtId="167" fontId="20" fillId="4" borderId="1" xfId="33" applyNumberFormat="1" applyFont="1" applyFill="1" applyBorder="1" applyAlignment="1">
      <alignment horizontal="left" vertical="center"/>
    </xf>
    <xf numFmtId="167" fontId="22" fillId="0" borderId="1" xfId="24" applyNumberFormat="1" applyFont="1" applyFill="1" applyBorder="1" applyAlignment="1">
      <alignment horizontal="left" vertical="center"/>
    </xf>
    <xf numFmtId="167" fontId="20" fillId="0" borderId="1" xfId="30" applyNumberFormat="1" applyFont="1" applyFill="1" applyBorder="1" applyAlignment="1">
      <alignment horizontal="left" vertical="center"/>
    </xf>
    <xf numFmtId="167" fontId="22" fillId="0" borderId="1" xfId="30" applyNumberFormat="1" applyFont="1" applyFill="1" applyBorder="1" applyAlignment="1">
      <alignment horizontal="left" vertical="center"/>
    </xf>
    <xf numFmtId="167" fontId="20" fillId="4" borderId="1" xfId="30" applyNumberFormat="1" applyFont="1" applyFill="1" applyBorder="1" applyAlignment="1">
      <alignment horizontal="left" vertical="center"/>
    </xf>
    <xf numFmtId="167" fontId="22" fillId="4" borderId="1" xfId="30" applyNumberFormat="1" applyFont="1" applyFill="1" applyBorder="1" applyAlignment="1">
      <alignment horizontal="left" vertical="center"/>
    </xf>
    <xf numFmtId="167" fontId="20" fillId="0" borderId="1" xfId="25" applyNumberFormat="1" applyFont="1" applyFill="1" applyBorder="1" applyAlignment="1">
      <alignment horizontal="left" vertical="center"/>
    </xf>
    <xf numFmtId="167" fontId="22" fillId="0" borderId="1" xfId="25" applyNumberFormat="1" applyFont="1" applyFill="1" applyBorder="1" applyAlignment="1">
      <alignment horizontal="left" vertical="center"/>
    </xf>
    <xf numFmtId="0" fontId="14" fillId="4" borderId="0" xfId="0" applyFont="1" applyFill="1" applyBorder="1" applyAlignment="1">
      <alignment vertical="top"/>
    </xf>
    <xf numFmtId="0" fontId="15" fillId="0" borderId="0" xfId="4" quotePrefix="1" applyFont="1" applyFill="1" applyBorder="1" applyAlignment="1">
      <alignment vertical="top" wrapText="1"/>
    </xf>
    <xf numFmtId="0" fontId="15" fillId="0" borderId="0" xfId="3" quotePrefix="1" applyFont="1" applyFill="1" applyBorder="1" applyAlignment="1">
      <alignment horizontal="left" vertical="top" wrapText="1"/>
    </xf>
    <xf numFmtId="0" fontId="16" fillId="5" borderId="6" xfId="29" quotePrefix="1" applyFont="1" applyFill="1" applyBorder="1" applyAlignment="1">
      <alignment vertical="top" wrapText="1"/>
    </xf>
    <xf numFmtId="0" fontId="16" fillId="5" borderId="2" xfId="29" quotePrefix="1" applyFont="1" applyFill="1" applyBorder="1" applyAlignment="1">
      <alignment vertical="top" wrapText="1"/>
    </xf>
    <xf numFmtId="0" fontId="0" fillId="0" borderId="0" xfId="0" applyAlignment="1"/>
    <xf numFmtId="0" fontId="0" fillId="0" borderId="0" xfId="0" applyFill="1" applyAlignment="1"/>
    <xf numFmtId="0" fontId="16" fillId="5" borderId="6" xfId="23" applyFont="1" applyFill="1" applyBorder="1" applyAlignment="1">
      <alignment vertical="top" wrapText="1"/>
    </xf>
    <xf numFmtId="0" fontId="16" fillId="5" borderId="1" xfId="23" applyFont="1" applyFill="1" applyBorder="1" applyAlignment="1">
      <alignment horizontal="left" vertical="top"/>
    </xf>
    <xf numFmtId="0" fontId="5" fillId="2" borderId="0" xfId="0" applyFont="1" applyFill="1" applyAlignment="1">
      <alignment wrapText="1"/>
    </xf>
    <xf numFmtId="0" fontId="16" fillId="5" borderId="1" xfId="29" quotePrefix="1" applyFont="1" applyFill="1" applyBorder="1" applyAlignment="1">
      <alignment horizontal="left" vertical="top" wrapText="1"/>
    </xf>
    <xf numFmtId="0" fontId="33" fillId="3" borderId="0" xfId="0" applyFont="1" applyFill="1" applyAlignment="1">
      <alignment horizontal="left" wrapText="1"/>
    </xf>
    <xf numFmtId="0" fontId="27" fillId="3" borderId="0" xfId="0" applyFont="1" applyFill="1" applyAlignment="1">
      <alignment horizontal="left" wrapText="1"/>
    </xf>
    <xf numFmtId="0" fontId="26" fillId="3" borderId="0" xfId="0" applyFont="1" applyFill="1" applyAlignment="1">
      <alignment horizontal="left" wrapText="1"/>
    </xf>
    <xf numFmtId="0" fontId="26" fillId="3" borderId="0" xfId="0" applyFont="1" applyFill="1" applyAlignment="1">
      <alignment wrapText="1"/>
    </xf>
    <xf numFmtId="0" fontId="27" fillId="3" borderId="0" xfId="0" applyFont="1" applyFill="1" applyAlignment="1">
      <alignment wrapText="1"/>
    </xf>
    <xf numFmtId="0" fontId="16" fillId="5" borderId="1" xfId="29" quotePrefix="1" applyFont="1" applyFill="1" applyBorder="1" applyAlignment="1">
      <alignment horizontal="left" vertical="top" wrapText="1"/>
    </xf>
    <xf numFmtId="0" fontId="27" fillId="3" borderId="0" xfId="0" applyFont="1" applyFill="1" applyAlignment="1">
      <alignment vertical="top" wrapText="1"/>
    </xf>
    <xf numFmtId="0" fontId="26" fillId="3" borderId="0" xfId="0" applyFont="1" applyFill="1" applyAlignment="1">
      <alignment vertical="top" wrapText="1"/>
    </xf>
    <xf numFmtId="0" fontId="26" fillId="3" borderId="0" xfId="0" applyFont="1" applyFill="1" applyAlignment="1">
      <alignment vertical="center" wrapText="1"/>
    </xf>
    <xf numFmtId="0" fontId="27" fillId="3" borderId="0" xfId="0" applyFont="1" applyFill="1" applyAlignment="1">
      <alignment vertical="center" wrapText="1"/>
    </xf>
    <xf numFmtId="0" fontId="27" fillId="2" borderId="0" xfId="0" applyFont="1" applyFill="1"/>
    <xf numFmtId="0" fontId="27" fillId="3" borderId="0" xfId="0" applyFont="1" applyFill="1" applyBorder="1" applyAlignment="1">
      <alignment wrapText="1"/>
    </xf>
    <xf numFmtId="0" fontId="27" fillId="2" borderId="0" xfId="0" applyFont="1" applyFill="1" applyAlignment="1">
      <alignment wrapText="1"/>
    </xf>
    <xf numFmtId="0" fontId="16" fillId="5" borderId="6" xfId="23" applyFont="1" applyFill="1" applyBorder="1" applyAlignment="1">
      <alignment vertical="top" wrapText="1"/>
    </xf>
    <xf numFmtId="0" fontId="15" fillId="0" borderId="0" xfId="3" quotePrefix="1" applyFont="1" applyAlignment="1">
      <alignment vertical="top" wrapText="1"/>
    </xf>
    <xf numFmtId="165" fontId="20" fillId="0" borderId="1" xfId="32" applyNumberFormat="1" applyFont="1" applyBorder="1" applyAlignment="1">
      <alignment horizontal="left" vertical="center"/>
    </xf>
    <xf numFmtId="168" fontId="20" fillId="0" borderId="1" xfId="25" applyNumberFormat="1" applyFont="1" applyBorder="1" applyAlignment="1">
      <alignment horizontal="left" vertical="center"/>
    </xf>
    <xf numFmtId="168" fontId="22" fillId="0" borderId="1" xfId="25" applyNumberFormat="1" applyFont="1" applyBorder="1" applyAlignment="1">
      <alignment horizontal="left" vertical="center"/>
    </xf>
    <xf numFmtId="164" fontId="20" fillId="0" borderId="1" xfId="32" applyNumberFormat="1" applyFont="1" applyBorder="1" applyAlignment="1">
      <alignment horizontal="left" vertical="center"/>
    </xf>
    <xf numFmtId="167" fontId="22" fillId="0" borderId="1" xfId="0" applyNumberFormat="1" applyFont="1" applyBorder="1" applyAlignment="1">
      <alignment horizontal="left" vertical="center" wrapText="1"/>
    </xf>
    <xf numFmtId="0" fontId="20" fillId="0" borderId="1" xfId="24" applyFont="1" applyBorder="1" applyAlignment="1">
      <alignment horizontal="left" vertical="center" wrapText="1"/>
    </xf>
    <xf numFmtId="165" fontId="20" fillId="0" borderId="1" xfId="24" applyNumberFormat="1" applyFont="1" applyBorder="1" applyAlignment="1">
      <alignment horizontal="left" vertical="center"/>
    </xf>
    <xf numFmtId="165" fontId="20" fillId="0" borderId="1" xfId="19" applyNumberFormat="1" applyFont="1" applyBorder="1" applyAlignment="1">
      <alignment horizontal="left" vertical="center"/>
    </xf>
    <xf numFmtId="165" fontId="20" fillId="0" borderId="1" xfId="20" applyNumberFormat="1" applyFont="1" applyBorder="1" applyAlignment="1">
      <alignment horizontal="left" vertical="center"/>
    </xf>
    <xf numFmtId="164" fontId="20" fillId="0" borderId="1" xfId="20" applyNumberFormat="1" applyFont="1" applyBorder="1" applyAlignment="1">
      <alignment horizontal="left" vertical="center"/>
    </xf>
    <xf numFmtId="0" fontId="0" fillId="3" borderId="0" xfId="0" quotePrefix="1" applyFill="1"/>
    <xf numFmtId="0" fontId="0" fillId="3" borderId="0" xfId="0" applyFill="1"/>
    <xf numFmtId="0" fontId="8" fillId="3" borderId="0" xfId="0" applyFont="1" applyFill="1" applyAlignment="1">
      <alignment horizontal="left"/>
    </xf>
    <xf numFmtId="0" fontId="8" fillId="3" borderId="0" xfId="0" applyFont="1" applyFill="1"/>
    <xf numFmtId="0" fontId="7" fillId="2" borderId="0" xfId="0" applyFont="1" applyFill="1" applyAlignment="1">
      <alignment horizontal="center"/>
    </xf>
    <xf numFmtId="0" fontId="8" fillId="2" borderId="0" xfId="0" applyFont="1" applyFill="1" applyAlignment="1">
      <alignment horizontal="center"/>
    </xf>
    <xf numFmtId="0" fontId="0" fillId="3" borderId="0" xfId="0" quotePrefix="1" applyFill="1"/>
    <xf numFmtId="0" fontId="0" fillId="3" borderId="0" xfId="0" applyFill="1"/>
    <xf numFmtId="1" fontId="32" fillId="3" borderId="0" xfId="1" applyNumberFormat="1" applyFont="1" applyFill="1" applyAlignment="1">
      <alignment horizontal="left"/>
    </xf>
    <xf numFmtId="0" fontId="8" fillId="3" borderId="0" xfId="0" applyFont="1" applyFill="1" applyAlignment="1">
      <alignment horizontal="left"/>
    </xf>
    <xf numFmtId="0" fontId="13" fillId="3" borderId="0" xfId="0" applyFont="1" applyFill="1" applyAlignment="1">
      <alignment horizontal="left"/>
    </xf>
    <xf numFmtId="0" fontId="3" fillId="3" borderId="0" xfId="1" applyFill="1" applyAlignment="1">
      <alignment horizontal="left"/>
    </xf>
    <xf numFmtId="0" fontId="32" fillId="3" borderId="0" xfId="1" applyFont="1" applyFill="1" applyAlignment="1">
      <alignment horizontal="left"/>
    </xf>
    <xf numFmtId="0" fontId="16" fillId="5" borderId="3" xfId="29" quotePrefix="1" applyFont="1" applyFill="1" applyBorder="1" applyAlignment="1">
      <alignment vertical="top" wrapText="1"/>
    </xf>
    <xf numFmtId="0" fontId="16" fillId="5" borderId="4" xfId="29" quotePrefix="1" applyFont="1" applyFill="1" applyBorder="1" applyAlignment="1">
      <alignment vertical="top" wrapText="1"/>
    </xf>
    <xf numFmtId="0" fontId="16" fillId="5" borderId="5" xfId="29" quotePrefix="1" applyFont="1" applyFill="1" applyBorder="1" applyAlignment="1">
      <alignment vertical="top" wrapText="1"/>
    </xf>
    <xf numFmtId="0" fontId="16" fillId="5" borderId="6" xfId="29" quotePrefix="1" applyFont="1" applyFill="1" applyBorder="1" applyAlignment="1">
      <alignment horizontal="left" vertical="top" wrapText="1"/>
    </xf>
    <xf numFmtId="0" fontId="16" fillId="5" borderId="2" xfId="29" quotePrefix="1" applyFont="1" applyFill="1" applyBorder="1" applyAlignment="1">
      <alignment horizontal="left" vertical="top" wrapText="1"/>
    </xf>
    <xf numFmtId="0" fontId="16" fillId="5" borderId="3" xfId="29" quotePrefix="1" applyFont="1" applyFill="1" applyBorder="1" applyAlignment="1">
      <alignment horizontal="left" vertical="top" wrapText="1"/>
    </xf>
    <xf numFmtId="0" fontId="16" fillId="5" borderId="4" xfId="29" quotePrefix="1" applyFont="1" applyFill="1" applyBorder="1" applyAlignment="1">
      <alignment horizontal="left" vertical="top" wrapText="1"/>
    </xf>
    <xf numFmtId="0" fontId="16" fillId="5" borderId="5" xfId="29" quotePrefix="1" applyFont="1" applyFill="1" applyBorder="1" applyAlignment="1">
      <alignment horizontal="left" vertical="top" wrapText="1"/>
    </xf>
    <xf numFmtId="0" fontId="15" fillId="0" borderId="2" xfId="29" quotePrefix="1" applyFont="1" applyBorder="1" applyAlignment="1">
      <alignment horizontal="left" vertical="top" wrapText="1"/>
    </xf>
    <xf numFmtId="0" fontId="14" fillId="4" borderId="0" xfId="0" applyFont="1" applyFill="1" applyBorder="1" applyAlignment="1">
      <alignment horizontal="left" vertical="top"/>
    </xf>
    <xf numFmtId="0" fontId="14" fillId="4" borderId="0" xfId="0" applyFont="1" applyFill="1" applyBorder="1" applyAlignment="1">
      <alignment vertical="top"/>
    </xf>
    <xf numFmtId="0" fontId="15" fillId="0" borderId="0" xfId="29" applyFont="1" applyFill="1" applyBorder="1" applyAlignment="1">
      <alignment horizontal="left" vertical="top" wrapText="1"/>
    </xf>
    <xf numFmtId="0" fontId="15" fillId="0" borderId="0" xfId="29" quotePrefix="1" applyFont="1" applyFill="1" applyBorder="1" applyAlignment="1">
      <alignment horizontal="left" vertical="top" wrapText="1"/>
    </xf>
    <xf numFmtId="0" fontId="15" fillId="0" borderId="2" xfId="5" quotePrefix="1" applyFont="1" applyBorder="1" applyAlignment="1">
      <alignment vertical="top" wrapText="1"/>
    </xf>
    <xf numFmtId="0" fontId="15" fillId="0" borderId="2" xfId="5" quotePrefix="1" applyFont="1" applyBorder="1" applyAlignment="1">
      <alignment horizontal="left" vertical="top" wrapText="1"/>
    </xf>
    <xf numFmtId="0" fontId="16" fillId="5" borderId="1" xfId="23" applyFont="1" applyFill="1" applyBorder="1" applyAlignment="1">
      <alignment horizontal="left" vertical="top" wrapText="1"/>
    </xf>
    <xf numFmtId="0" fontId="16" fillId="5" borderId="3" xfId="0" applyFont="1" applyFill="1" applyBorder="1" applyAlignment="1">
      <alignment horizontal="left" vertical="top"/>
    </xf>
    <xf numFmtId="0" fontId="16" fillId="5" borderId="4" xfId="0" applyFont="1" applyFill="1" applyBorder="1" applyAlignment="1">
      <alignment horizontal="left" vertical="top"/>
    </xf>
    <xf numFmtId="0" fontId="16" fillId="5" borderId="5" xfId="0" applyFont="1" applyFill="1" applyBorder="1" applyAlignment="1">
      <alignment horizontal="left" vertical="top"/>
    </xf>
    <xf numFmtId="0" fontId="15" fillId="0" borderId="0" xfId="2" quotePrefix="1" applyFont="1" applyFill="1" applyBorder="1" applyAlignment="1">
      <alignment horizontal="left" vertical="top" wrapText="1"/>
    </xf>
    <xf numFmtId="0" fontId="16" fillId="5" borderId="1" xfId="26" quotePrefix="1" applyFont="1" applyFill="1" applyBorder="1" applyAlignment="1">
      <alignment horizontal="left" vertical="top" wrapText="1"/>
    </xf>
    <xf numFmtId="0" fontId="16" fillId="5" borderId="1" xfId="26" applyFont="1" applyFill="1" applyBorder="1" applyAlignment="1">
      <alignment horizontal="left" vertical="top" wrapText="1"/>
    </xf>
    <xf numFmtId="0" fontId="16" fillId="5" borderId="6" xfId="6" applyFont="1" applyFill="1" applyBorder="1" applyAlignment="1">
      <alignment horizontal="left" vertical="top" wrapText="1"/>
    </xf>
    <xf numFmtId="0" fontId="16" fillId="5" borderId="2" xfId="6" applyFont="1" applyFill="1" applyBorder="1" applyAlignment="1">
      <alignment horizontal="left" vertical="top" wrapText="1"/>
    </xf>
    <xf numFmtId="0" fontId="16" fillId="5" borderId="3" xfId="6" applyFont="1" applyFill="1" applyBorder="1" applyAlignment="1">
      <alignment vertical="top" wrapText="1"/>
    </xf>
    <xf numFmtId="0" fontId="16" fillId="5" borderId="4" xfId="6" applyFont="1" applyFill="1" applyBorder="1" applyAlignment="1">
      <alignment vertical="top" wrapText="1"/>
    </xf>
    <xf numFmtId="0" fontId="16" fillId="5" borderId="5" xfId="6" applyFont="1" applyFill="1" applyBorder="1" applyAlignment="1">
      <alignment vertical="top" wrapText="1"/>
    </xf>
    <xf numFmtId="0" fontId="15" fillId="0" borderId="0" xfId="29" quotePrefix="1" applyFont="1" applyAlignment="1">
      <alignment horizontal="left" vertical="top" wrapText="1"/>
    </xf>
    <xf numFmtId="167" fontId="14" fillId="4" borderId="0" xfId="0" applyNumberFormat="1" applyFont="1" applyFill="1" applyBorder="1" applyAlignment="1">
      <alignment horizontal="left" vertical="top"/>
    </xf>
    <xf numFmtId="0" fontId="16" fillId="5" borderId="6" xfId="0" applyFont="1" applyFill="1" applyBorder="1" applyAlignment="1">
      <alignment horizontal="left" vertical="top" wrapText="1"/>
    </xf>
    <xf numFmtId="0" fontId="16" fillId="5" borderId="2" xfId="0" applyFont="1" applyFill="1" applyBorder="1" applyAlignment="1">
      <alignment horizontal="left" vertical="top" wrapText="1"/>
    </xf>
    <xf numFmtId="0" fontId="15" fillId="0" borderId="0" xfId="5" quotePrefix="1" applyFont="1" applyFill="1" applyBorder="1" applyAlignment="1">
      <alignment horizontal="left" vertical="top" wrapText="1"/>
    </xf>
    <xf numFmtId="0" fontId="16" fillId="5" borderId="6" xfId="26" applyFont="1" applyFill="1" applyBorder="1" applyAlignment="1">
      <alignment vertical="top" wrapText="1"/>
    </xf>
    <xf numFmtId="0" fontId="16" fillId="5" borderId="2" xfId="26" applyFont="1" applyFill="1" applyBorder="1" applyAlignment="1">
      <alignment vertical="top" wrapText="1"/>
    </xf>
    <xf numFmtId="0" fontId="16" fillId="5" borderId="7" xfId="26" applyFont="1" applyFill="1" applyBorder="1" applyAlignment="1">
      <alignment vertical="top" wrapText="1"/>
    </xf>
    <xf numFmtId="0" fontId="15" fillId="0" borderId="2" xfId="26" applyFont="1" applyBorder="1" applyAlignment="1">
      <alignment horizontal="left" vertical="top" wrapText="1"/>
    </xf>
    <xf numFmtId="0" fontId="16" fillId="5" borderId="6" xfId="26" applyFont="1" applyFill="1" applyBorder="1" applyAlignment="1">
      <alignment horizontal="left" vertical="top" wrapText="1"/>
    </xf>
    <xf numFmtId="0" fontId="16" fillId="5" borderId="2" xfId="26" applyFont="1" applyFill="1" applyBorder="1" applyAlignment="1">
      <alignment horizontal="left" vertical="top" wrapText="1"/>
    </xf>
    <xf numFmtId="0" fontId="16" fillId="5" borderId="7" xfId="26" applyFont="1" applyFill="1" applyBorder="1" applyAlignment="1">
      <alignment horizontal="left" vertical="top" wrapText="1"/>
    </xf>
    <xf numFmtId="0" fontId="16" fillId="5" borderId="3" xfId="26" applyFont="1" applyFill="1" applyBorder="1" applyAlignment="1">
      <alignment horizontal="left" vertical="top" wrapText="1"/>
    </xf>
    <xf numFmtId="0" fontId="16" fillId="5" borderId="4" xfId="26" applyFont="1" applyFill="1" applyBorder="1" applyAlignment="1">
      <alignment horizontal="left" vertical="top"/>
    </xf>
    <xf numFmtId="0" fontId="16" fillId="5" borderId="5" xfId="26" applyFont="1" applyFill="1" applyBorder="1" applyAlignment="1">
      <alignment horizontal="left" vertical="top"/>
    </xf>
    <xf numFmtId="0" fontId="15" fillId="0" borderId="0" xfId="2" applyFont="1" applyFill="1" applyBorder="1" applyAlignment="1">
      <alignment horizontal="left" vertical="top" wrapText="1"/>
    </xf>
    <xf numFmtId="0" fontId="30" fillId="0" borderId="2" xfId="2" quotePrefix="1" applyFont="1" applyBorder="1" applyAlignment="1">
      <alignment horizontal="left" vertical="top" wrapText="1"/>
    </xf>
    <xf numFmtId="0" fontId="15" fillId="0" borderId="0" xfId="2" applyFont="1" applyAlignment="1">
      <alignment horizontal="left" vertical="top" wrapText="1"/>
    </xf>
    <xf numFmtId="0" fontId="15" fillId="0" borderId="0" xfId="2" quotePrefix="1" applyFont="1" applyAlignment="1">
      <alignment horizontal="left" vertical="top" wrapText="1"/>
    </xf>
    <xf numFmtId="0" fontId="16" fillId="5" borderId="6" xfId="5" applyFont="1" applyFill="1" applyBorder="1" applyAlignment="1">
      <alignment vertical="top" wrapText="1"/>
    </xf>
    <xf numFmtId="0" fontId="16" fillId="5" borderId="2" xfId="5" applyFont="1" applyFill="1" applyBorder="1" applyAlignment="1">
      <alignment vertical="top" wrapText="1"/>
    </xf>
    <xf numFmtId="0" fontId="16" fillId="5" borderId="3" xfId="5" applyFont="1" applyFill="1" applyBorder="1" applyAlignment="1">
      <alignment vertical="top" wrapText="1"/>
    </xf>
    <xf numFmtId="0" fontId="16" fillId="5" borderId="4" xfId="5" applyFont="1" applyFill="1" applyBorder="1" applyAlignment="1">
      <alignment vertical="top" wrapText="1"/>
    </xf>
    <xf numFmtId="0" fontId="16" fillId="5" borderId="5" xfId="5" applyFont="1" applyFill="1" applyBorder="1" applyAlignment="1">
      <alignment vertical="top" wrapText="1"/>
    </xf>
    <xf numFmtId="0" fontId="16" fillId="5" borderId="2" xfId="26" applyFont="1" applyFill="1" applyBorder="1" applyAlignment="1">
      <alignment horizontal="left" vertical="top"/>
    </xf>
    <xf numFmtId="0" fontId="15" fillId="0" borderId="0" xfId="5" quotePrefix="1" applyFont="1" applyAlignment="1">
      <alignment horizontal="left" vertical="top" wrapText="1"/>
    </xf>
    <xf numFmtId="0" fontId="16" fillId="5" borderId="3" xfId="26" applyFont="1" applyFill="1" applyBorder="1" applyAlignment="1">
      <alignment horizontal="left" vertical="top"/>
    </xf>
    <xf numFmtId="0" fontId="16" fillId="5" borderId="3" xfId="28" applyFont="1" applyFill="1" applyBorder="1" applyAlignment="1">
      <alignment vertical="top" wrapText="1"/>
    </xf>
    <xf numFmtId="0" fontId="16" fillId="5" borderId="4" xfId="28" applyFont="1" applyFill="1" applyBorder="1" applyAlignment="1">
      <alignment vertical="top" wrapText="1"/>
    </xf>
    <xf numFmtId="0" fontId="16" fillId="5" borderId="6" xfId="23" applyFont="1" applyFill="1" applyBorder="1" applyAlignment="1">
      <alignment horizontal="left" vertical="top" wrapText="1"/>
    </xf>
    <xf numFmtId="0" fontId="16" fillId="5" borderId="2" xfId="23" applyFont="1" applyFill="1" applyBorder="1" applyAlignment="1">
      <alignment horizontal="left" vertical="top" wrapText="1"/>
    </xf>
    <xf numFmtId="0" fontId="16" fillId="5" borderId="1" xfId="0" applyFont="1" applyFill="1" applyBorder="1" applyAlignment="1">
      <alignment horizontal="left" vertical="top"/>
    </xf>
    <xf numFmtId="0" fontId="16" fillId="5" borderId="3" xfId="23" applyFont="1" applyFill="1" applyBorder="1" applyAlignment="1">
      <alignment vertical="top" wrapText="1"/>
    </xf>
    <xf numFmtId="0" fontId="16" fillId="5" borderId="4" xfId="23" applyFont="1" applyFill="1" applyBorder="1" applyAlignment="1">
      <alignment vertical="top" wrapText="1"/>
    </xf>
    <xf numFmtId="0" fontId="16" fillId="5" borderId="5" xfId="23" applyFont="1" applyFill="1" applyBorder="1" applyAlignment="1">
      <alignment vertical="top" wrapText="1"/>
    </xf>
    <xf numFmtId="0" fontId="16" fillId="5" borderId="7" xfId="23" applyFont="1" applyFill="1" applyBorder="1" applyAlignment="1">
      <alignment horizontal="left" vertical="top" wrapText="1"/>
    </xf>
    <xf numFmtId="0" fontId="15" fillId="0" borderId="2" xfId="5" quotePrefix="1" applyFont="1" applyFill="1" applyBorder="1" applyAlignment="1">
      <alignment horizontal="left" vertical="top" wrapText="1"/>
    </xf>
    <xf numFmtId="0" fontId="16" fillId="5" borderId="1" xfId="29" quotePrefix="1" applyFont="1" applyFill="1" applyBorder="1" applyAlignment="1">
      <alignment horizontal="left" vertical="top" wrapText="1"/>
    </xf>
    <xf numFmtId="0" fontId="15" fillId="0" borderId="0" xfId="4" quotePrefix="1" applyFont="1" applyFill="1" applyBorder="1" applyAlignment="1">
      <alignment horizontal="left" vertical="top" wrapText="1"/>
    </xf>
    <xf numFmtId="0" fontId="16" fillId="5" borderId="3" xfId="23" applyFont="1" applyFill="1" applyBorder="1" applyAlignment="1">
      <alignment horizontal="left" vertical="top" wrapText="1"/>
    </xf>
    <xf numFmtId="0" fontId="16" fillId="5" borderId="4" xfId="23" applyFont="1" applyFill="1" applyBorder="1" applyAlignment="1">
      <alignment horizontal="left" vertical="top" wrapText="1"/>
    </xf>
    <xf numFmtId="0" fontId="16" fillId="5" borderId="5" xfId="23" applyFont="1" applyFill="1" applyBorder="1" applyAlignment="1">
      <alignment horizontal="left" vertical="top" wrapText="1"/>
    </xf>
    <xf numFmtId="0" fontId="16" fillId="5" borderId="1" xfId="0" applyFont="1" applyFill="1" applyBorder="1" applyAlignment="1">
      <alignment horizontal="left" vertical="top" wrapText="1"/>
    </xf>
    <xf numFmtId="0" fontId="16" fillId="5" borderId="4" xfId="23" applyFont="1" applyFill="1" applyBorder="1" applyAlignment="1">
      <alignment horizontal="left" vertical="top"/>
    </xf>
    <xf numFmtId="0" fontId="16" fillId="5" borderId="5" xfId="23" applyFont="1" applyFill="1" applyBorder="1" applyAlignment="1">
      <alignment horizontal="left" vertical="top"/>
    </xf>
    <xf numFmtId="0" fontId="15" fillId="0" borderId="2" xfId="4" quotePrefix="1" applyFont="1" applyFill="1" applyBorder="1" applyAlignment="1">
      <alignment horizontal="left" vertical="top" wrapText="1"/>
    </xf>
    <xf numFmtId="0" fontId="15" fillId="0" borderId="0" xfId="4" quotePrefix="1" applyFont="1" applyFill="1" applyBorder="1" applyAlignment="1">
      <alignment vertical="top" wrapText="1"/>
    </xf>
    <xf numFmtId="0" fontId="16" fillId="5" borderId="1" xfId="0" quotePrefix="1" applyFont="1" applyFill="1" applyBorder="1" applyAlignment="1">
      <alignment horizontal="left" vertical="top" wrapText="1"/>
    </xf>
    <xf numFmtId="0" fontId="15" fillId="0" borderId="0" xfId="7" quotePrefix="1" applyFont="1" applyAlignment="1">
      <alignment horizontal="left" vertical="top" wrapText="1"/>
    </xf>
    <xf numFmtId="0" fontId="16" fillId="5" borderId="1" xfId="23" quotePrefix="1" applyFont="1" applyFill="1" applyBorder="1" applyAlignment="1">
      <alignment horizontal="left" vertical="top" wrapText="1"/>
    </xf>
    <xf numFmtId="0" fontId="16" fillId="5" borderId="6" xfId="23" applyFont="1" applyFill="1" applyBorder="1" applyAlignment="1">
      <alignment vertical="top" wrapText="1"/>
    </xf>
    <xf numFmtId="0" fontId="16" fillId="5" borderId="2" xfId="23" applyFont="1" applyFill="1" applyBorder="1" applyAlignment="1">
      <alignment vertical="top" wrapText="1"/>
    </xf>
    <xf numFmtId="0" fontId="16" fillId="5" borderId="1" xfId="23" applyFont="1" applyFill="1" applyBorder="1" applyAlignment="1">
      <alignment horizontal="left" vertical="top"/>
    </xf>
    <xf numFmtId="0" fontId="15" fillId="0" borderId="2" xfId="3" quotePrefix="1" applyFont="1" applyFill="1" applyBorder="1" applyAlignment="1">
      <alignment horizontal="left" vertical="top" wrapText="1"/>
    </xf>
    <xf numFmtId="0" fontId="15" fillId="0" borderId="0" xfId="3" quotePrefix="1" applyFont="1" applyAlignment="1">
      <alignment horizontal="left" vertical="top" wrapText="1"/>
    </xf>
    <xf numFmtId="0" fontId="16" fillId="5" borderId="8" xfId="23" applyFont="1" applyFill="1" applyBorder="1" applyAlignment="1">
      <alignment horizontal="left" vertical="top" wrapText="1"/>
    </xf>
    <xf numFmtId="0" fontId="16" fillId="5" borderId="9" xfId="23" applyFont="1" applyFill="1" applyBorder="1" applyAlignment="1">
      <alignment horizontal="left" vertical="top" wrapText="1"/>
    </xf>
    <xf numFmtId="0" fontId="16" fillId="5" borderId="10" xfId="23" applyFont="1" applyFill="1" applyBorder="1" applyAlignment="1">
      <alignment horizontal="left" vertical="top" wrapText="1"/>
    </xf>
    <xf numFmtId="0" fontId="16" fillId="5" borderId="11" xfId="23" applyFont="1" applyFill="1" applyBorder="1" applyAlignment="1">
      <alignment horizontal="left" vertical="top" wrapText="1"/>
    </xf>
    <xf numFmtId="0" fontId="16" fillId="5" borderId="0" xfId="23" applyFont="1" applyFill="1" applyBorder="1" applyAlignment="1">
      <alignment horizontal="left" vertical="top" wrapText="1"/>
    </xf>
    <xf numFmtId="0" fontId="15" fillId="0" borderId="0" xfId="3" quotePrefix="1" applyFont="1" applyBorder="1" applyAlignment="1">
      <alignment horizontal="left" vertical="top" wrapText="1"/>
    </xf>
    <xf numFmtId="0" fontId="14" fillId="4" borderId="0" xfId="0" applyFont="1" applyFill="1" applyAlignment="1">
      <alignment horizontal="left" vertical="top"/>
    </xf>
    <xf numFmtId="0" fontId="15" fillId="0" borderId="2" xfId="3" quotePrefix="1" applyFont="1" applyBorder="1" applyAlignment="1">
      <alignment horizontal="left" vertical="top" wrapText="1"/>
    </xf>
    <xf numFmtId="0" fontId="14" fillId="4" borderId="0" xfId="0" applyFont="1" applyFill="1" applyBorder="1" applyAlignment="1">
      <alignment horizontal="left" vertical="top" wrapText="1"/>
    </xf>
    <xf numFmtId="0" fontId="15" fillId="0" borderId="0" xfId="3" quotePrefix="1" applyFont="1" applyFill="1" applyBorder="1" applyAlignment="1">
      <alignment horizontal="left" vertical="top" wrapText="1"/>
    </xf>
    <xf numFmtId="0" fontId="15" fillId="0" borderId="2" xfId="3" quotePrefix="1" applyFont="1" applyFill="1" applyBorder="1" applyAlignment="1">
      <alignment vertical="top" wrapText="1"/>
    </xf>
  </cellXfs>
  <cellStyles count="39">
    <cellStyle name="Hyperlink" xfId="1" builtinId="8"/>
    <cellStyle name="Normal" xfId="0" builtinId="0"/>
    <cellStyle name="Normal 2" xfId="38" xr:uid="{00000000-0005-0000-0000-000002000000}"/>
    <cellStyle name="Normal_%2_1" xfId="2" xr:uid="{00000000-0005-0000-0000-000003000000}"/>
    <cellStyle name="Normal_Belonging" xfId="3" xr:uid="{00000000-0005-0000-0000-000004000000}"/>
    <cellStyle name="Normal_CommLeader" xfId="4" xr:uid="{00000000-0005-0000-0000-000005000000}"/>
    <cellStyle name="Normal_CommunityEconomicWB" xfId="5" xr:uid="{00000000-0005-0000-0000-000006000000}"/>
    <cellStyle name="Normal_CWI Ind" xfId="6" xr:uid="{00000000-0005-0000-0000-000007000000}"/>
    <cellStyle name="Normal_Equity" xfId="7" xr:uid="{00000000-0005-0000-0000-000008000000}"/>
    <cellStyle name="Normal_FamilyFriends" xfId="8" xr:uid="{00000000-0005-0000-0000-000009000000}"/>
    <cellStyle name="Normal_GenHealth" xfId="9" xr:uid="{00000000-0005-0000-0000-00000A000000}"/>
    <cellStyle name="Normal_GettingInvolved" xfId="10" xr:uid="{00000000-0005-0000-0000-00000B000000}"/>
    <cellStyle name="Normal_HouseholdFinance" xfId="11" xr:uid="{00000000-0005-0000-0000-00000C000000}"/>
    <cellStyle name="Normal_HouseholdFinWB" xfId="12" xr:uid="{00000000-0005-0000-0000-00000D000000}"/>
    <cellStyle name="Normal_K10" xfId="13" xr:uid="{00000000-0005-0000-0000-00000E000000}"/>
    <cellStyle name="Normal_liveability" xfId="14" xr:uid="{00000000-0005-0000-0000-00000F000000}"/>
    <cellStyle name="Normal_Mean2" xfId="15" xr:uid="{00000000-0005-0000-0000-000010000000}"/>
    <cellStyle name="Normal_Migration" xfId="16" xr:uid="{00000000-0005-0000-0000-000011000000}"/>
    <cellStyle name="Normal_NaturalCap" xfId="17" xr:uid="{00000000-0005-0000-0000-000012000000}"/>
    <cellStyle name="Normal_PhysCrime" xfId="18" xr:uid="{00000000-0005-0000-0000-000013000000}"/>
    <cellStyle name="Normal_PhysFinance" xfId="19" xr:uid="{00000000-0005-0000-0000-000014000000}"/>
    <cellStyle name="Normal_PhysLandscape" xfId="20" xr:uid="{00000000-0005-0000-0000-000015000000}"/>
    <cellStyle name="Normal_PhysTelecom" xfId="21" xr:uid="{00000000-0005-0000-0000-000016000000}"/>
    <cellStyle name="Normal_PWI_1" xfId="22" xr:uid="{00000000-0005-0000-0000-000017000000}"/>
    <cellStyle name="Normal_Self efficacy" xfId="23" xr:uid="{00000000-0005-0000-0000-000018000000}"/>
    <cellStyle name="Normal_Sheet1" xfId="24" xr:uid="{00000000-0005-0000-0000-000019000000}"/>
    <cellStyle name="Normal_Sheet1_1" xfId="25" xr:uid="{00000000-0005-0000-0000-00001A000000}"/>
    <cellStyle name="Normal_Sheet10" xfId="26" xr:uid="{00000000-0005-0000-0000-00001B000000}"/>
    <cellStyle name="Normal_Sheet12" xfId="27" xr:uid="{00000000-0005-0000-0000-00001C000000}"/>
    <cellStyle name="Normal_Sheet13" xfId="28" xr:uid="{00000000-0005-0000-0000-00001D000000}"/>
    <cellStyle name="Normal_Sheet2_1" xfId="29" xr:uid="{00000000-0005-0000-0000-00001E000000}"/>
    <cellStyle name="Normal_Sheet4" xfId="30" xr:uid="{00000000-0005-0000-0000-00001F000000}"/>
    <cellStyle name="Normal_Sheet5" xfId="31" xr:uid="{00000000-0005-0000-0000-000020000000}"/>
    <cellStyle name="Normal_Sheet5_1" xfId="32" xr:uid="{00000000-0005-0000-0000-000021000000}"/>
    <cellStyle name="Normal_Sheet6" xfId="33" xr:uid="{00000000-0005-0000-0000-000022000000}"/>
    <cellStyle name="Normal_Sheet7" xfId="34" xr:uid="{00000000-0005-0000-0000-000023000000}"/>
    <cellStyle name="Normal_Sheet7_1" xfId="35" xr:uid="{00000000-0005-0000-0000-000024000000}"/>
    <cellStyle name="Normal_Sheet8" xfId="36" xr:uid="{00000000-0005-0000-0000-000025000000}"/>
    <cellStyle name="Normal_Volunteering" xfId="37" xr:uid="{00000000-0005-0000-0000-00002600000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theme" Target="theme/theme1.xml"/><Relationship Id="rId3" Type="http://schemas.openxmlformats.org/officeDocument/2006/relationships/worksheet" Target="worksheets/sheet3.xml"/><Relationship Id="rId7" Type="http://schemas.openxmlformats.org/officeDocument/2006/relationships/worksheet" Target="worksheets/sheet7.xml"/><Relationship Id="rId12" Type="http://schemas.openxmlformats.org/officeDocument/2006/relationships/worksheet" Target="worksheets/sheet12.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5" Type="http://schemas.openxmlformats.org/officeDocument/2006/relationships/worksheet" Target="worksheets/sheet5.xml"/><Relationship Id="rId15" Type="http://schemas.openxmlformats.org/officeDocument/2006/relationships/sharedStrings" Target="sharedStrings.xml"/><Relationship Id="rId10" Type="http://schemas.openxmlformats.org/officeDocument/2006/relationships/worksheet" Target="worksheets/sheet10.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styles" Target="styles.xml"/></Relationships>
</file>

<file path=xl/drawings/_rels/drawing1.xml.rels><?xml version="1.0" encoding="UTF-8" standalone="yes"?>
<Relationships xmlns="http://schemas.openxmlformats.org/package/2006/relationships"><Relationship Id="rId1" Type="http://schemas.openxmlformats.org/officeDocument/2006/relationships/image" Target="../media/image1.png"/></Relationships>
</file>

<file path=xl/drawings/drawing1.xml><?xml version="1.0" encoding="utf-8"?>
<xdr:wsDr xmlns:xdr="http://schemas.openxmlformats.org/drawingml/2006/spreadsheetDrawing" xmlns:a="http://schemas.openxmlformats.org/drawingml/2006/main">
  <xdr:twoCellAnchor editAs="oneCell">
    <xdr:from>
      <xdr:col>0</xdr:col>
      <xdr:colOff>0</xdr:colOff>
      <xdr:row>0</xdr:row>
      <xdr:rowOff>0</xdr:rowOff>
    </xdr:from>
    <xdr:to>
      <xdr:col>20</xdr:col>
      <xdr:colOff>431798</xdr:colOff>
      <xdr:row>34</xdr:row>
      <xdr:rowOff>180974</xdr:rowOff>
    </xdr:to>
    <xdr:pic>
      <xdr:nvPicPr>
        <xdr:cNvPr id="4" name="Picture 3">
          <a:extLst>
            <a:ext uri="{FF2B5EF4-FFF2-40B4-BE49-F238E27FC236}">
              <a16:creationId xmlns:a16="http://schemas.microsoft.com/office/drawing/2014/main" id="{911611D2-76B8-4872-B510-00F9AF48213E}"/>
            </a:ext>
          </a:extLst>
        </xdr:cNvPr>
        <xdr:cNvPicPr>
          <a:picLocks noChangeAspect="1"/>
        </xdr:cNvPicPr>
      </xdr:nvPicPr>
      <xdr:blipFill>
        <a:blip xmlns:r="http://schemas.openxmlformats.org/officeDocument/2006/relationships" r:embed="rId1"/>
        <a:stretch>
          <a:fillRect/>
        </a:stretch>
      </xdr:blipFill>
      <xdr:spPr>
        <a:xfrm>
          <a:off x="0" y="0"/>
          <a:ext cx="12242798" cy="6886574"/>
        </a:xfrm>
        <a:prstGeom prst="rect">
          <a:avLst/>
        </a:prstGeom>
      </xdr:spPr>
    </xdr:pic>
    <xdr:clientData/>
  </xdr:twoCellAnchor>
</xdr:wsDr>
</file>

<file path=xl/theme/theme1.xml><?xml version="1.0" encoding="utf-8"?>
<a:theme xmlns:a="http://schemas.openxmlformats.org/drawingml/2006/main" name="Kilter">
  <a:themeElements>
    <a:clrScheme name="Median">
      <a:dk1>
        <a:sysClr val="windowText" lastClr="000000"/>
      </a:dk1>
      <a:lt1>
        <a:sysClr val="window" lastClr="FFFFFF"/>
      </a:lt1>
      <a:dk2>
        <a:srgbClr val="775F55"/>
      </a:dk2>
      <a:lt2>
        <a:srgbClr val="EBDDC3"/>
      </a:lt2>
      <a:accent1>
        <a:srgbClr val="94B6D2"/>
      </a:accent1>
      <a:accent2>
        <a:srgbClr val="DD8047"/>
      </a:accent2>
      <a:accent3>
        <a:srgbClr val="A5AB81"/>
      </a:accent3>
      <a:accent4>
        <a:srgbClr val="D8B25C"/>
      </a:accent4>
      <a:accent5>
        <a:srgbClr val="7BA79D"/>
      </a:accent5>
      <a:accent6>
        <a:srgbClr val="968C8C"/>
      </a:accent6>
      <a:hlink>
        <a:srgbClr val="F7B615"/>
      </a:hlink>
      <a:folHlink>
        <a:srgbClr val="704404"/>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Kilter">
      <a:fillStyleLst>
        <a:solidFill>
          <a:schemeClr val="phClr"/>
        </a:solidFill>
        <a:gradFill rotWithShape="1">
          <a:gsLst>
            <a:gs pos="0">
              <a:schemeClr val="phClr">
                <a:tint val="14000"/>
                <a:satMod val="180000"/>
                <a:lumMod val="100000"/>
              </a:schemeClr>
            </a:gs>
            <a:gs pos="42000">
              <a:schemeClr val="phClr">
                <a:tint val="40000"/>
                <a:satMod val="160000"/>
                <a:lumMod val="94000"/>
              </a:schemeClr>
            </a:gs>
            <a:gs pos="100000">
              <a:schemeClr val="phClr">
                <a:tint val="94000"/>
                <a:satMod val="140000"/>
              </a:schemeClr>
            </a:gs>
          </a:gsLst>
          <a:lin ang="5160000" scaled="1"/>
        </a:gradFill>
        <a:gradFill rotWithShape="1">
          <a:gsLst>
            <a:gs pos="38000">
              <a:schemeClr val="phClr">
                <a:satMod val="120000"/>
              </a:schemeClr>
            </a:gs>
            <a:gs pos="100000">
              <a:schemeClr val="phClr">
                <a:shade val="60000"/>
                <a:satMod val="180000"/>
                <a:lumMod val="70000"/>
              </a:schemeClr>
            </a:gs>
          </a:gsLst>
          <a:lin ang="4680000" scaled="0"/>
        </a:gradFill>
      </a:fillStyleLst>
      <a:lnStyleLst>
        <a:ln w="12700" cap="flat" cmpd="sng" algn="ctr">
          <a:solidFill>
            <a:schemeClr val="phClr">
              <a:shade val="50000"/>
            </a:schemeClr>
          </a:solidFill>
          <a:prstDash val="solid"/>
        </a:ln>
        <a:ln w="25400" cap="flat" cmpd="sng" algn="ctr">
          <a:solidFill>
            <a:schemeClr val="phClr">
              <a:shade val="75000"/>
              <a:lumMod val="90000"/>
            </a:schemeClr>
          </a:solidFill>
          <a:prstDash val="solid"/>
        </a:ln>
        <a:ln w="38100" cap="flat" cmpd="sng" algn="ctr">
          <a:solidFill>
            <a:schemeClr val="phClr"/>
          </a:solidFill>
          <a:prstDash val="solid"/>
        </a:ln>
      </a:lnStyleLst>
      <a:effectStyleLst>
        <a:effectStyle>
          <a:effectLst>
            <a:outerShdw blurRad="63500" dist="12700" dir="5400000" sx="102000" sy="102000" rotWithShape="0">
              <a:srgbClr val="000000">
                <a:alpha val="20000"/>
              </a:srgbClr>
            </a:outerShdw>
          </a:effectLst>
        </a:effectStyle>
        <a:effectStyle>
          <a:effectLst>
            <a:outerShdw blurRad="76200" dist="25400" dir="5400000" rotWithShape="0">
              <a:srgbClr val="000000">
                <a:alpha val="50000"/>
              </a:srgbClr>
            </a:outerShdw>
          </a:effectLst>
          <a:scene3d>
            <a:camera prst="orthographicFront">
              <a:rot lat="0" lon="0" rev="0"/>
            </a:camera>
            <a:lightRig rig="glow" dir="tl">
              <a:rot lat="0" lon="0" rev="19800000"/>
            </a:lightRig>
          </a:scene3d>
          <a:sp3d prstMaterial="metal">
            <a:bevelT w="152400" h="63500" prst="softRound"/>
          </a:sp3d>
        </a:effectStyle>
        <a:effectStyle>
          <a:effectLst>
            <a:outerShdw blurRad="107950" dist="12700" dir="5040000" rotWithShape="0">
              <a:srgbClr val="000000">
                <a:alpha val="54000"/>
              </a:srgbClr>
            </a:outerShdw>
          </a:effectLst>
          <a:scene3d>
            <a:camera prst="orthographicFront">
              <a:rot lat="0" lon="0" rev="0"/>
            </a:camera>
            <a:lightRig rig="threePt" dir="tl">
              <a:rot lat="0" lon="0" rev="19800000"/>
            </a:lightRig>
          </a:scene3d>
          <a:sp3d prstMaterial="plastic">
            <a:bevelT h="63500" prst="softRound"/>
          </a:sp3d>
        </a:effectStyle>
      </a:effectStyleLst>
      <a:bgFillStyleLst>
        <a:solidFill>
          <a:schemeClr val="phClr"/>
        </a:solidFill>
        <a:gradFill rotWithShape="1">
          <a:gsLst>
            <a:gs pos="0">
              <a:schemeClr val="phClr">
                <a:tint val="95000"/>
                <a:satMod val="140000"/>
                <a:lumMod val="120000"/>
              </a:schemeClr>
            </a:gs>
            <a:gs pos="100000">
              <a:schemeClr val="phClr">
                <a:tint val="95000"/>
                <a:shade val="70000"/>
                <a:satMod val="180000"/>
                <a:lumMod val="82000"/>
              </a:schemeClr>
            </a:gs>
          </a:gsLst>
          <a:path path="circle">
            <a:fillToRect l="25000" t="25000" r="25000" b="25000"/>
          </a:path>
        </a:gradFill>
        <a:gradFill rotWithShape="1">
          <a:gsLst>
            <a:gs pos="0">
              <a:schemeClr val="phClr">
                <a:tint val="94000"/>
                <a:satMod val="140000"/>
                <a:lumMod val="120000"/>
              </a:schemeClr>
            </a:gs>
            <a:gs pos="100000">
              <a:schemeClr val="phClr">
                <a:tint val="97000"/>
                <a:shade val="70000"/>
                <a:satMod val="190000"/>
                <a:lumMod val="72000"/>
              </a:schemeClr>
            </a:gs>
          </a:gsLst>
          <a:path path="circle">
            <a:fillToRect l="50000" t="50000" r="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drawing" Target="../drawings/drawing1.xml"/></Relationships>
</file>

<file path=xl/worksheets/_rels/sheet10.xml.rels><?xml version="1.0" encoding="UTF-8" standalone="yes"?>
<Relationships xmlns="http://schemas.openxmlformats.org/package/2006/relationships"><Relationship Id="rId1" Type="http://schemas.openxmlformats.org/officeDocument/2006/relationships/printerSettings" Target="../printerSettings/printerSettings9.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4.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5.xml.rels><?xml version="1.0" encoding="UTF-8" standalone="yes"?>
<Relationships xmlns="http://schemas.openxmlformats.org/package/2006/relationships"><Relationship Id="rId1" Type="http://schemas.openxmlformats.org/officeDocument/2006/relationships/printerSettings" Target="../printerSettings/printerSettings4.bin"/></Relationships>
</file>

<file path=xl/worksheets/_rels/sheet6.xml.rels><?xml version="1.0" encoding="UTF-8" standalone="yes"?>
<Relationships xmlns="http://schemas.openxmlformats.org/package/2006/relationships"><Relationship Id="rId1" Type="http://schemas.openxmlformats.org/officeDocument/2006/relationships/printerSettings" Target="../printerSettings/printerSettings5.bin"/></Relationships>
</file>

<file path=xl/worksheets/_rels/sheet7.xml.rels><?xml version="1.0" encoding="UTF-8" standalone="yes"?>
<Relationships xmlns="http://schemas.openxmlformats.org/package/2006/relationships"><Relationship Id="rId1" Type="http://schemas.openxmlformats.org/officeDocument/2006/relationships/printerSettings" Target="../printerSettings/printerSettings6.bin"/></Relationships>
</file>

<file path=xl/worksheets/_rels/sheet8.xml.rels><?xml version="1.0" encoding="UTF-8" standalone="yes"?>
<Relationships xmlns="http://schemas.openxmlformats.org/package/2006/relationships"><Relationship Id="rId1" Type="http://schemas.openxmlformats.org/officeDocument/2006/relationships/printerSettings" Target="../printerSettings/printerSettings7.bin"/></Relationships>
</file>

<file path=xl/worksheets/_rels/sheet9.xml.rels><?xml version="1.0" encoding="UTF-8" standalone="yes"?>
<Relationships xmlns="http://schemas.openxmlformats.org/package/2006/relationships"><Relationship Id="rId1" Type="http://schemas.openxmlformats.org/officeDocument/2006/relationships/printerSettings" Target="../printerSettings/printerSettings8.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dimension ref="K1:S9"/>
  <sheetViews>
    <sheetView tabSelected="1" workbookViewId="0">
      <selection activeCell="U2" sqref="U2"/>
    </sheetView>
  </sheetViews>
  <sheetFormatPr defaultColWidth="8.85546875" defaultRowHeight="15"/>
  <cols>
    <col min="1" max="16384" width="8.85546875" style="2"/>
  </cols>
  <sheetData>
    <row r="1" spans="11:19" ht="23.25">
      <c r="Q1" s="223"/>
    </row>
    <row r="3" spans="11:19" ht="24.75">
      <c r="K3" s="4"/>
    </row>
    <row r="8" spans="11:19">
      <c r="R8" s="3"/>
    </row>
    <row r="9" spans="11:19">
      <c r="Q9" s="3"/>
      <c r="S9" s="3"/>
    </row>
  </sheetData>
  <pageMargins left="0.7" right="0.7" top="0.75" bottom="0.75" header="0.3" footer="0.3"/>
  <drawing r:id="rId1"/>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900-000000000000}">
  <dimension ref="A1:AS232"/>
  <sheetViews>
    <sheetView zoomScaleNormal="100" workbookViewId="0"/>
  </sheetViews>
  <sheetFormatPr defaultColWidth="18.5703125" defaultRowHeight="15"/>
  <cols>
    <col min="1" max="1" width="51.140625" customWidth="1"/>
  </cols>
  <sheetData>
    <row r="1" spans="1:4" ht="31.5">
      <c r="A1" s="30" t="s">
        <v>44</v>
      </c>
    </row>
    <row r="3" spans="1:4" ht="18.75">
      <c r="A3" s="342" t="s">
        <v>12</v>
      </c>
      <c r="B3" s="342"/>
      <c r="C3" s="342"/>
      <c r="D3" s="342"/>
    </row>
    <row r="4" spans="1:4" ht="105" customHeight="1">
      <c r="A4" s="398" t="s">
        <v>396</v>
      </c>
      <c r="B4" s="398"/>
      <c r="C4" s="398"/>
      <c r="D4" s="398"/>
    </row>
    <row r="5" spans="1:4" ht="42" customHeight="1">
      <c r="A5" s="397" t="s">
        <v>129</v>
      </c>
      <c r="B5" s="397"/>
      <c r="C5" s="397"/>
      <c r="D5" s="397"/>
    </row>
    <row r="6" spans="1:4" ht="36.75" customHeight="1">
      <c r="A6" s="32" t="s">
        <v>71</v>
      </c>
      <c r="B6" s="33" t="s">
        <v>72</v>
      </c>
      <c r="C6" s="34" t="s">
        <v>591</v>
      </c>
      <c r="D6" s="35" t="s">
        <v>73</v>
      </c>
    </row>
    <row r="7" spans="1:4" ht="75.75" customHeight="1">
      <c r="A7" s="36"/>
      <c r="B7" s="37" t="s">
        <v>74</v>
      </c>
      <c r="C7" s="123" t="s">
        <v>130</v>
      </c>
      <c r="D7" s="39" t="s">
        <v>76</v>
      </c>
    </row>
    <row r="8" spans="1:4">
      <c r="A8" s="40" t="s">
        <v>350</v>
      </c>
      <c r="B8" s="173">
        <v>13948</v>
      </c>
      <c r="C8" s="79">
        <v>4.3597467015894189</v>
      </c>
      <c r="D8" s="80">
        <v>2.1353460682569127E-2</v>
      </c>
    </row>
    <row r="9" spans="1:4">
      <c r="A9" s="44" t="s">
        <v>351</v>
      </c>
      <c r="B9" s="44">
        <v>10229</v>
      </c>
      <c r="C9" s="175">
        <v>4.4106820270049285</v>
      </c>
      <c r="D9" s="127">
        <v>2.4717745520724196E-2</v>
      </c>
    </row>
    <row r="10" spans="1:4">
      <c r="A10" s="40" t="s">
        <v>352</v>
      </c>
      <c r="B10" s="48">
        <v>3719</v>
      </c>
      <c r="C10" s="79">
        <v>4.3184386492961995</v>
      </c>
      <c r="D10" s="80">
        <v>4.2072624713376271E-2</v>
      </c>
    </row>
    <row r="11" spans="1:4">
      <c r="A11" s="44" t="s">
        <v>555</v>
      </c>
      <c r="B11" s="44">
        <v>3625</v>
      </c>
      <c r="C11" s="175">
        <v>4.3827622309309726</v>
      </c>
      <c r="D11" s="127">
        <v>4.1102289050293915E-2</v>
      </c>
    </row>
    <row r="12" spans="1:4">
      <c r="A12" s="40" t="s">
        <v>556</v>
      </c>
      <c r="B12" s="48">
        <v>2973</v>
      </c>
      <c r="C12" s="79">
        <v>4.531334730867953</v>
      </c>
      <c r="D12" s="80">
        <v>4.4819333555078861E-2</v>
      </c>
    </row>
    <row r="13" spans="1:4">
      <c r="A13" s="44" t="s">
        <v>536</v>
      </c>
      <c r="B13" s="44">
        <v>333</v>
      </c>
      <c r="C13" s="175">
        <v>4.4412997033866901</v>
      </c>
      <c r="D13" s="127">
        <v>0.13056827420201586</v>
      </c>
    </row>
    <row r="14" spans="1:4">
      <c r="A14" s="40" t="s">
        <v>537</v>
      </c>
      <c r="B14" s="48">
        <v>164</v>
      </c>
      <c r="C14" s="79">
        <v>4.4121961329900428</v>
      </c>
      <c r="D14" s="80">
        <v>0.18106702302732752</v>
      </c>
    </row>
    <row r="15" spans="1:4">
      <c r="A15" s="44" t="s">
        <v>538</v>
      </c>
      <c r="B15" s="44">
        <v>89</v>
      </c>
      <c r="C15" s="175">
        <v>4.5653750431994657</v>
      </c>
      <c r="D15" s="127">
        <v>0.24097741936597833</v>
      </c>
    </row>
    <row r="16" spans="1:4">
      <c r="A16" s="40" t="s">
        <v>539</v>
      </c>
      <c r="B16" s="48">
        <v>243</v>
      </c>
      <c r="C16" s="79">
        <v>4.6203421747400482</v>
      </c>
      <c r="D16" s="80">
        <v>0.13831547247091197</v>
      </c>
    </row>
    <row r="17" spans="1:25">
      <c r="A17" s="44" t="s">
        <v>540</v>
      </c>
      <c r="B17" s="44">
        <v>82</v>
      </c>
      <c r="C17" s="175">
        <v>4.3307035866645833</v>
      </c>
      <c r="D17" s="127">
        <v>0.23612805752545429</v>
      </c>
    </row>
    <row r="18" spans="1:25">
      <c r="A18" s="40" t="s">
        <v>541</v>
      </c>
      <c r="B18" s="173">
        <v>90</v>
      </c>
      <c r="C18" s="79">
        <v>4.5682891407250255</v>
      </c>
      <c r="D18" s="80">
        <v>0.2080305070205698</v>
      </c>
    </row>
    <row r="19" spans="1:25">
      <c r="A19" s="44" t="s">
        <v>542</v>
      </c>
      <c r="B19" s="174">
        <v>71</v>
      </c>
      <c r="C19" s="175">
        <v>4.9816072669602764</v>
      </c>
      <c r="D19" s="127">
        <v>0.26961435049347982</v>
      </c>
    </row>
    <row r="20" spans="1:25">
      <c r="A20" s="40" t="s">
        <v>543</v>
      </c>
      <c r="B20" s="78">
        <v>478</v>
      </c>
      <c r="C20" s="79">
        <v>4.6147899150711842</v>
      </c>
      <c r="D20" s="80">
        <v>0.1108640318932272</v>
      </c>
      <c r="P20" s="238"/>
      <c r="Q20" s="238"/>
      <c r="R20" s="238"/>
      <c r="S20" s="238"/>
      <c r="T20" s="238"/>
      <c r="U20" s="238"/>
      <c r="V20" s="238"/>
      <c r="W20" s="238"/>
      <c r="X20" s="238"/>
      <c r="Y20" s="238"/>
    </row>
    <row r="21" spans="1:25">
      <c r="A21" s="44" t="s">
        <v>616</v>
      </c>
      <c r="B21" s="174">
        <v>247</v>
      </c>
      <c r="C21" s="175">
        <v>4.543240076441788</v>
      </c>
      <c r="D21" s="127">
        <v>0.15710961960702388</v>
      </c>
      <c r="P21" s="238"/>
      <c r="Q21" s="238"/>
      <c r="R21" s="238"/>
      <c r="S21" s="238"/>
      <c r="T21" s="238"/>
      <c r="U21" s="238"/>
      <c r="V21" s="238"/>
      <c r="W21" s="238"/>
      <c r="X21" s="238"/>
      <c r="Y21" s="238"/>
    </row>
    <row r="22" spans="1:25">
      <c r="A22" s="52" t="s">
        <v>544</v>
      </c>
      <c r="B22" s="173">
        <v>231</v>
      </c>
      <c r="C22" s="79">
        <v>4.6795129552347952</v>
      </c>
      <c r="D22" s="80">
        <v>0.15589569551589574</v>
      </c>
      <c r="P22" s="238"/>
      <c r="Q22" s="238"/>
      <c r="R22" s="238"/>
      <c r="S22" s="238"/>
      <c r="T22" s="238"/>
      <c r="U22" s="238"/>
      <c r="V22" s="238"/>
      <c r="W22" s="238"/>
      <c r="X22" s="238"/>
      <c r="Y22" s="238"/>
    </row>
    <row r="23" spans="1:25">
      <c r="A23" s="44" t="s">
        <v>545</v>
      </c>
      <c r="B23" s="174">
        <v>112</v>
      </c>
      <c r="C23" s="175">
        <v>4.6020032647171352</v>
      </c>
      <c r="D23" s="127">
        <v>0.25561345472849867</v>
      </c>
      <c r="P23" s="238"/>
      <c r="Q23" s="238"/>
      <c r="R23" s="238"/>
      <c r="S23" s="238"/>
      <c r="T23" s="238"/>
      <c r="U23" s="238"/>
      <c r="V23" s="238"/>
      <c r="W23" s="238"/>
      <c r="X23" s="238"/>
      <c r="Y23" s="238"/>
    </row>
    <row r="24" spans="1:25">
      <c r="A24" s="52" t="s">
        <v>546</v>
      </c>
      <c r="B24" s="173">
        <v>288</v>
      </c>
      <c r="C24" s="79">
        <v>4.5716072141226141</v>
      </c>
      <c r="D24" s="80">
        <v>0.15001832367037901</v>
      </c>
      <c r="P24" s="238"/>
      <c r="Q24" s="238"/>
      <c r="R24" s="238"/>
      <c r="S24" s="238"/>
      <c r="T24" s="238"/>
      <c r="U24" s="238"/>
      <c r="V24" s="238"/>
      <c r="W24" s="238"/>
      <c r="X24" s="238"/>
      <c r="Y24" s="238"/>
    </row>
    <row r="25" spans="1:25">
      <c r="A25" s="44" t="s">
        <v>557</v>
      </c>
      <c r="B25" s="174">
        <v>112</v>
      </c>
      <c r="C25" s="175">
        <v>4.5555824945416168</v>
      </c>
      <c r="D25" s="127">
        <v>0.22751414832420358</v>
      </c>
      <c r="P25" s="238"/>
      <c r="Q25" s="238"/>
      <c r="R25" s="238"/>
      <c r="S25" s="238"/>
      <c r="T25" s="238"/>
      <c r="U25" s="238"/>
      <c r="V25" s="238"/>
      <c r="W25" s="238"/>
      <c r="X25" s="238"/>
      <c r="Y25" s="238"/>
    </row>
    <row r="26" spans="1:25">
      <c r="A26" s="52" t="s">
        <v>558</v>
      </c>
      <c r="B26" s="173">
        <v>113</v>
      </c>
      <c r="C26" s="79">
        <v>4.5742478224100624</v>
      </c>
      <c r="D26" s="80">
        <v>0.24170677170121024</v>
      </c>
      <c r="P26" s="238"/>
      <c r="Q26" s="238"/>
      <c r="R26" s="238"/>
      <c r="S26" s="238"/>
      <c r="T26" s="238"/>
      <c r="U26" s="238"/>
      <c r="V26" s="238"/>
      <c r="W26" s="238"/>
      <c r="X26" s="238"/>
      <c r="Y26" s="238"/>
    </row>
    <row r="27" spans="1:25">
      <c r="A27" s="44" t="s">
        <v>549</v>
      </c>
      <c r="B27" s="174">
        <v>63</v>
      </c>
      <c r="C27" s="175">
        <v>4.5958061077020638</v>
      </c>
      <c r="D27" s="127">
        <v>0.34944604154707237</v>
      </c>
      <c r="P27" s="238"/>
      <c r="Q27" s="238"/>
      <c r="R27" s="238"/>
      <c r="S27" s="238"/>
      <c r="T27" s="238"/>
      <c r="U27" s="238"/>
      <c r="V27" s="238"/>
      <c r="W27" s="238"/>
      <c r="X27" s="238"/>
      <c r="Y27" s="238"/>
    </row>
    <row r="28" spans="1:25">
      <c r="A28" s="52" t="s">
        <v>550</v>
      </c>
      <c r="B28" s="173">
        <v>162</v>
      </c>
      <c r="C28" s="79">
        <v>4.4164174018777143</v>
      </c>
      <c r="D28" s="80">
        <v>0.20204479280980739</v>
      </c>
      <c r="P28" s="238"/>
      <c r="Q28" s="238"/>
      <c r="R28" s="238"/>
      <c r="S28" s="238"/>
      <c r="T28" s="238"/>
      <c r="U28" s="238"/>
      <c r="V28" s="238"/>
      <c r="W28" s="238"/>
      <c r="X28" s="238"/>
      <c r="Y28" s="238"/>
    </row>
    <row r="29" spans="1:25">
      <c r="A29" s="44" t="s">
        <v>551</v>
      </c>
      <c r="B29" s="174">
        <v>676</v>
      </c>
      <c r="C29" s="175">
        <v>4.2836114836640427</v>
      </c>
      <c r="D29" s="127">
        <v>9.9822111447175108E-2</v>
      </c>
      <c r="P29" s="238"/>
      <c r="Q29" s="238"/>
      <c r="R29" s="238"/>
      <c r="S29" s="238"/>
      <c r="T29" s="238"/>
      <c r="U29" s="238"/>
      <c r="V29" s="238"/>
      <c r="W29" s="238"/>
      <c r="X29" s="238"/>
      <c r="Y29" s="238"/>
    </row>
    <row r="30" spans="1:25">
      <c r="P30" s="238"/>
      <c r="Q30" s="238"/>
      <c r="R30" s="238"/>
      <c r="S30" s="238"/>
      <c r="T30" s="238"/>
      <c r="U30" s="238"/>
      <c r="V30" s="238"/>
      <c r="W30" s="238"/>
      <c r="X30" s="238"/>
      <c r="Y30" s="238"/>
    </row>
    <row r="31" spans="1:25">
      <c r="P31" s="238"/>
      <c r="Q31" s="238"/>
      <c r="R31" s="238"/>
      <c r="S31" s="238"/>
      <c r="T31" s="238"/>
      <c r="U31" s="238"/>
      <c r="V31" s="238"/>
      <c r="W31" s="238"/>
      <c r="X31" s="238"/>
      <c r="Y31" s="238"/>
    </row>
    <row r="32" spans="1:25" ht="18.75">
      <c r="A32" s="342" t="s">
        <v>45</v>
      </c>
      <c r="B32" s="342"/>
      <c r="C32" s="342"/>
      <c r="D32" s="342"/>
      <c r="E32" s="342"/>
      <c r="F32" s="342"/>
      <c r="G32" s="342"/>
      <c r="H32" s="342"/>
      <c r="I32" s="342"/>
      <c r="J32" s="342"/>
      <c r="K32" s="342"/>
      <c r="L32" s="342"/>
      <c r="M32" s="342"/>
      <c r="N32" s="342"/>
      <c r="O32" s="342"/>
      <c r="P32" s="342"/>
      <c r="Q32" s="342"/>
      <c r="R32" s="342"/>
      <c r="S32" s="342"/>
      <c r="T32" s="342"/>
      <c r="U32" s="342"/>
      <c r="V32" s="342"/>
      <c r="W32" s="238"/>
      <c r="X32" s="238"/>
      <c r="Y32" s="238"/>
    </row>
    <row r="33" spans="1:45" ht="66" customHeight="1">
      <c r="A33" s="405" t="s">
        <v>593</v>
      </c>
      <c r="B33" s="405"/>
      <c r="C33" s="405"/>
      <c r="D33" s="405"/>
      <c r="E33" s="405"/>
      <c r="F33" s="405"/>
      <c r="G33" s="405"/>
      <c r="H33" s="405"/>
      <c r="I33" s="405"/>
      <c r="J33" s="405"/>
      <c r="K33" s="405"/>
      <c r="L33" s="405"/>
      <c r="M33" s="405"/>
      <c r="N33" s="405"/>
      <c r="O33" s="405"/>
      <c r="P33" s="405"/>
      <c r="Q33" s="405"/>
      <c r="R33" s="405"/>
      <c r="S33" s="405"/>
      <c r="T33" s="405"/>
      <c r="U33" s="405"/>
      <c r="V33" s="405"/>
      <c r="W33" s="238"/>
      <c r="X33" s="238"/>
      <c r="Y33" s="238"/>
    </row>
    <row r="34" spans="1:45" ht="37.5" customHeight="1">
      <c r="A34" s="59"/>
      <c r="B34" s="348" t="s">
        <v>272</v>
      </c>
      <c r="C34" s="412"/>
      <c r="D34" s="412"/>
      <c r="E34" s="412"/>
      <c r="F34" s="412"/>
      <c r="G34" s="412"/>
      <c r="H34" s="412"/>
      <c r="I34" s="348" t="s">
        <v>397</v>
      </c>
      <c r="J34" s="412"/>
      <c r="K34" s="412"/>
      <c r="L34" s="412"/>
      <c r="M34" s="412"/>
      <c r="N34" s="412"/>
      <c r="O34" s="412"/>
      <c r="P34" s="292" t="s">
        <v>273</v>
      </c>
      <c r="Q34" s="292"/>
      <c r="R34" s="292"/>
      <c r="S34" s="292"/>
      <c r="T34" s="292"/>
      <c r="U34" s="292"/>
      <c r="V34" s="292"/>
      <c r="W34" s="290"/>
      <c r="X34" s="290"/>
      <c r="Y34" s="289"/>
      <c r="Z34" s="289"/>
      <c r="AA34" s="289"/>
      <c r="AB34" s="289"/>
      <c r="AC34" s="289"/>
      <c r="AD34" s="289"/>
      <c r="AE34" s="289"/>
      <c r="AF34" s="289"/>
      <c r="AG34" s="289"/>
      <c r="AH34" s="289"/>
      <c r="AI34" s="289"/>
      <c r="AJ34" s="289"/>
      <c r="AK34" s="289"/>
      <c r="AL34" s="289"/>
      <c r="AM34" s="289"/>
      <c r="AN34" s="289"/>
      <c r="AO34" s="289"/>
      <c r="AP34" s="289"/>
      <c r="AQ34" s="289"/>
      <c r="AR34" s="289"/>
      <c r="AS34" s="289"/>
    </row>
    <row r="35" spans="1:45" ht="37.5" customHeight="1">
      <c r="A35" s="32" t="s">
        <v>71</v>
      </c>
      <c r="B35" s="33" t="s">
        <v>72</v>
      </c>
      <c r="C35" s="33" t="s">
        <v>131</v>
      </c>
      <c r="D35" s="84" t="s">
        <v>322</v>
      </c>
      <c r="E35" s="33" t="s">
        <v>132</v>
      </c>
      <c r="F35" s="84" t="s">
        <v>323</v>
      </c>
      <c r="G35" s="33" t="s">
        <v>133</v>
      </c>
      <c r="H35" s="84" t="s">
        <v>324</v>
      </c>
      <c r="I35" s="33" t="s">
        <v>72</v>
      </c>
      <c r="J35" s="33" t="s">
        <v>131</v>
      </c>
      <c r="K35" s="84" t="s">
        <v>322</v>
      </c>
      <c r="L35" s="33" t="s">
        <v>132</v>
      </c>
      <c r="M35" s="84" t="s">
        <v>323</v>
      </c>
      <c r="N35" s="33" t="s">
        <v>133</v>
      </c>
      <c r="O35" s="84" t="s">
        <v>324</v>
      </c>
      <c r="P35" s="33" t="s">
        <v>72</v>
      </c>
      <c r="Q35" s="33" t="s">
        <v>131</v>
      </c>
      <c r="R35" s="84" t="s">
        <v>322</v>
      </c>
      <c r="S35" s="33" t="s">
        <v>132</v>
      </c>
      <c r="T35" s="84" t="s">
        <v>323</v>
      </c>
      <c r="U35" s="33" t="s">
        <v>133</v>
      </c>
      <c r="V35" s="84" t="s">
        <v>324</v>
      </c>
    </row>
    <row r="36" spans="1:45" ht="71.25" customHeight="1">
      <c r="A36" s="36"/>
      <c r="B36" s="37" t="s">
        <v>74</v>
      </c>
      <c r="C36" s="37" t="s">
        <v>159</v>
      </c>
      <c r="D36" s="86" t="s">
        <v>88</v>
      </c>
      <c r="E36" s="37" t="s">
        <v>160</v>
      </c>
      <c r="F36" s="86" t="s">
        <v>88</v>
      </c>
      <c r="G36" s="37" t="s">
        <v>161</v>
      </c>
      <c r="H36" s="86" t="s">
        <v>88</v>
      </c>
      <c r="I36" s="37" t="s">
        <v>74</v>
      </c>
      <c r="J36" s="37" t="s">
        <v>159</v>
      </c>
      <c r="K36" s="86" t="s">
        <v>88</v>
      </c>
      <c r="L36" s="37" t="s">
        <v>160</v>
      </c>
      <c r="M36" s="86" t="s">
        <v>88</v>
      </c>
      <c r="N36" s="37" t="s">
        <v>161</v>
      </c>
      <c r="O36" s="86" t="s">
        <v>88</v>
      </c>
      <c r="P36" s="37" t="s">
        <v>74</v>
      </c>
      <c r="Q36" s="37" t="s">
        <v>159</v>
      </c>
      <c r="R36" s="86" t="s">
        <v>88</v>
      </c>
      <c r="S36" s="37" t="s">
        <v>160</v>
      </c>
      <c r="T36" s="86" t="s">
        <v>88</v>
      </c>
      <c r="U36" s="37" t="s">
        <v>161</v>
      </c>
      <c r="V36" s="86" t="s">
        <v>88</v>
      </c>
    </row>
    <row r="37" spans="1:45">
      <c r="A37" s="40" t="s">
        <v>350</v>
      </c>
      <c r="B37" s="173">
        <v>13907</v>
      </c>
      <c r="C37" s="176">
        <v>0.19903370812084747</v>
      </c>
      <c r="D37" s="89">
        <v>6.7716139356468969E-3</v>
      </c>
      <c r="E37" s="176">
        <v>0.1808553717156379</v>
      </c>
      <c r="F37" s="89">
        <v>6.5280375946062024E-3</v>
      </c>
      <c r="G37" s="176">
        <v>0.62011092016352953</v>
      </c>
      <c r="H37" s="89">
        <v>8.2304117240146954E-3</v>
      </c>
      <c r="I37" s="173">
        <v>13846</v>
      </c>
      <c r="J37" s="176">
        <v>0.35481886527751455</v>
      </c>
      <c r="K37" s="89">
        <v>8.1313159600783225E-3</v>
      </c>
      <c r="L37" s="176">
        <v>0.17642583432258463</v>
      </c>
      <c r="M37" s="89">
        <v>6.4792972664904922E-3</v>
      </c>
      <c r="N37" s="176">
        <v>0.46875530039991631</v>
      </c>
      <c r="O37" s="89">
        <v>8.4805887091058737E-3</v>
      </c>
      <c r="P37" s="173">
        <v>13940</v>
      </c>
      <c r="Q37" s="176">
        <v>0.34225069035955757</v>
      </c>
      <c r="R37" s="89">
        <v>8.0362316068750099E-3</v>
      </c>
      <c r="S37" s="176">
        <v>0.17414298561198138</v>
      </c>
      <c r="T37" s="89">
        <v>6.4244163883877669E-3</v>
      </c>
      <c r="U37" s="176">
        <v>0.48360632402847759</v>
      </c>
      <c r="V37" s="89">
        <v>8.4639460387044112E-3</v>
      </c>
    </row>
    <row r="38" spans="1:45">
      <c r="A38" s="44" t="s">
        <v>351</v>
      </c>
      <c r="B38" s="174">
        <v>10202</v>
      </c>
      <c r="C38" s="177">
        <v>0.20167199965186186</v>
      </c>
      <c r="D38" s="92">
        <v>7.9452899268931173E-3</v>
      </c>
      <c r="E38" s="177">
        <v>0.17183980488545875</v>
      </c>
      <c r="F38" s="92">
        <v>7.4705059153115571E-3</v>
      </c>
      <c r="G38" s="177">
        <v>0.62648819546267309</v>
      </c>
      <c r="H38" s="92">
        <v>9.5768450548990268E-3</v>
      </c>
      <c r="I38" s="174">
        <v>10151</v>
      </c>
      <c r="J38" s="177">
        <v>0.32941325567448487</v>
      </c>
      <c r="K38" s="92">
        <v>9.328473434407512E-3</v>
      </c>
      <c r="L38" s="177">
        <v>0.16135661256908065</v>
      </c>
      <c r="M38" s="92">
        <v>7.3032635781698722E-3</v>
      </c>
      <c r="N38" s="177">
        <v>0.50923013175642984</v>
      </c>
      <c r="O38" s="92">
        <v>9.9216997910477299E-3</v>
      </c>
      <c r="P38" s="174">
        <v>10217</v>
      </c>
      <c r="Q38" s="177">
        <v>0.36240960918067677</v>
      </c>
      <c r="R38" s="92">
        <v>9.5097249670579257E-3</v>
      </c>
      <c r="S38" s="177">
        <v>0.15677342640096814</v>
      </c>
      <c r="T38" s="92">
        <v>7.1952029092367809E-3</v>
      </c>
      <c r="U38" s="177">
        <v>0.48081696441835076</v>
      </c>
      <c r="V38" s="92">
        <v>9.8840216912036444E-3</v>
      </c>
    </row>
    <row r="39" spans="1:45">
      <c r="A39" s="40" t="s">
        <v>352</v>
      </c>
      <c r="B39" s="173">
        <v>3705</v>
      </c>
      <c r="C39" s="176">
        <v>0.19688925262736423</v>
      </c>
      <c r="D39" s="89">
        <v>1.3066886726862605E-2</v>
      </c>
      <c r="E39" s="176">
        <v>0.18818340259793176</v>
      </c>
      <c r="F39" s="89">
        <v>1.2844550928860063E-2</v>
      </c>
      <c r="G39" s="176">
        <v>0.6149273447747049</v>
      </c>
      <c r="H39" s="89">
        <v>1.5981256857970642E-2</v>
      </c>
      <c r="I39" s="173">
        <v>3695</v>
      </c>
      <c r="J39" s="176">
        <v>0.37544231673523015</v>
      </c>
      <c r="K39" s="89">
        <v>1.5924902145224944E-2</v>
      </c>
      <c r="L39" s="176">
        <v>0.18865854072857044</v>
      </c>
      <c r="M39" s="89">
        <v>1.2874339118384516E-2</v>
      </c>
      <c r="N39" s="176">
        <v>0.4358991425362001</v>
      </c>
      <c r="O39" s="89">
        <v>1.6306736768572166E-2</v>
      </c>
      <c r="P39" s="173">
        <v>3723</v>
      </c>
      <c r="Q39" s="176">
        <v>0.32592054392210179</v>
      </c>
      <c r="R39" s="89">
        <v>1.5357692271588185E-2</v>
      </c>
      <c r="S39" s="176">
        <v>0.18821355397859629</v>
      </c>
      <c r="T39" s="89">
        <v>1.2814239585689016E-2</v>
      </c>
      <c r="U39" s="176">
        <v>0.48586590209930292</v>
      </c>
      <c r="V39" s="89">
        <v>1.6373709707401936E-2</v>
      </c>
    </row>
    <row r="40" spans="1:45">
      <c r="A40" s="44" t="s">
        <v>555</v>
      </c>
      <c r="B40" s="174">
        <v>3607</v>
      </c>
      <c r="C40" s="177">
        <v>0.20184415486895951</v>
      </c>
      <c r="D40" s="92">
        <v>1.3366981306120651E-2</v>
      </c>
      <c r="E40" s="177">
        <v>0.1831251450941852</v>
      </c>
      <c r="F40" s="92">
        <v>1.2882213818137318E-2</v>
      </c>
      <c r="G40" s="177">
        <v>0.615030700036865</v>
      </c>
      <c r="H40" s="92">
        <v>1.6195880608356708E-2</v>
      </c>
      <c r="I40" s="174">
        <v>3597</v>
      </c>
      <c r="J40" s="177">
        <v>0.3412669036383531</v>
      </c>
      <c r="K40" s="92">
        <v>1.5804264731460974E-2</v>
      </c>
      <c r="L40" s="177">
        <v>0.18696142087908768</v>
      </c>
      <c r="M40" s="92">
        <v>1.3003510480549157E-2</v>
      </c>
      <c r="N40" s="177">
        <v>0.47177167548257365</v>
      </c>
      <c r="O40" s="92">
        <v>1.6637832611360415E-2</v>
      </c>
      <c r="P40" s="174">
        <v>3622</v>
      </c>
      <c r="Q40" s="177">
        <v>0.33698981646208537</v>
      </c>
      <c r="R40" s="92">
        <v>1.5701513725631534E-2</v>
      </c>
      <c r="S40" s="177">
        <v>0.16869194657651707</v>
      </c>
      <c r="T40" s="92">
        <v>1.244854886743506E-2</v>
      </c>
      <c r="U40" s="177">
        <v>0.49431823696141264</v>
      </c>
      <c r="V40" s="92">
        <v>1.6605735648565358E-2</v>
      </c>
    </row>
    <row r="41" spans="1:45">
      <c r="A41" s="40" t="s">
        <v>556</v>
      </c>
      <c r="B41" s="173">
        <v>2958</v>
      </c>
      <c r="C41" s="176">
        <v>0.19646232116239432</v>
      </c>
      <c r="D41" s="89">
        <v>1.4612415762074333E-2</v>
      </c>
      <c r="E41" s="176">
        <v>0.16558224620275483</v>
      </c>
      <c r="F41" s="89">
        <v>1.3674454381175181E-2</v>
      </c>
      <c r="G41" s="176">
        <v>0.63795543263484822</v>
      </c>
      <c r="H41" s="89">
        <v>1.7662897333076397E-2</v>
      </c>
      <c r="I41" s="173">
        <v>2946</v>
      </c>
      <c r="J41" s="176">
        <v>0.2993393321607945</v>
      </c>
      <c r="K41" s="89">
        <v>1.6868159345001129E-2</v>
      </c>
      <c r="L41" s="176">
        <v>0.15363097458171596</v>
      </c>
      <c r="M41" s="89">
        <v>1.3294761252050391E-2</v>
      </c>
      <c r="N41" s="176">
        <v>0.54702969325748607</v>
      </c>
      <c r="O41" s="89">
        <v>1.8330088331992095E-2</v>
      </c>
      <c r="P41" s="173">
        <v>2969</v>
      </c>
      <c r="Q41" s="176">
        <v>0.32062092459398123</v>
      </c>
      <c r="R41" s="89">
        <v>1.7122642759397299E-2</v>
      </c>
      <c r="S41" s="176">
        <v>0.15263555003292223</v>
      </c>
      <c r="T41" s="89">
        <v>1.3208076714448716E-2</v>
      </c>
      <c r="U41" s="176">
        <v>0.52674352537309344</v>
      </c>
      <c r="V41" s="89">
        <v>1.8313953262939772E-2</v>
      </c>
    </row>
    <row r="42" spans="1:45">
      <c r="A42" s="44" t="s">
        <v>536</v>
      </c>
      <c r="B42" s="174">
        <v>331</v>
      </c>
      <c r="C42" s="177">
        <v>0.20896832513086097</v>
      </c>
      <c r="D42" s="92">
        <v>4.4696143164712689E-2</v>
      </c>
      <c r="E42" s="177">
        <v>0.12281975150873638</v>
      </c>
      <c r="F42" s="92">
        <v>3.6424061102832854E-2</v>
      </c>
      <c r="G42" s="177">
        <v>0.66821192336040369</v>
      </c>
      <c r="H42" s="92">
        <v>5.1529029320849573E-2</v>
      </c>
      <c r="I42" s="174">
        <v>331</v>
      </c>
      <c r="J42" s="177">
        <v>0.2935786310220056</v>
      </c>
      <c r="K42" s="92">
        <v>4.9883648569025787E-2</v>
      </c>
      <c r="L42" s="177">
        <v>0.19693089333470509</v>
      </c>
      <c r="M42" s="92">
        <v>4.3753648925193941E-2</v>
      </c>
      <c r="N42" s="177">
        <v>0.50949047564329142</v>
      </c>
      <c r="O42" s="92">
        <v>5.462622725125868E-2</v>
      </c>
      <c r="P42" s="174">
        <v>333</v>
      </c>
      <c r="Q42" s="177">
        <v>0.3516454284716366</v>
      </c>
      <c r="R42" s="92">
        <v>5.2079634423932666E-2</v>
      </c>
      <c r="S42" s="177">
        <v>0.19014043915443882</v>
      </c>
      <c r="T42" s="92">
        <v>4.3065441200007312E-2</v>
      </c>
      <c r="U42" s="177">
        <v>0.45821413237392727</v>
      </c>
      <c r="V42" s="92">
        <v>5.4287414561009877E-2</v>
      </c>
    </row>
    <row r="43" spans="1:45">
      <c r="A43" s="40" t="s">
        <v>537</v>
      </c>
      <c r="B43" s="173">
        <v>163</v>
      </c>
      <c r="C43" s="176">
        <v>0.24223768174360949</v>
      </c>
      <c r="D43" s="89">
        <v>6.6872528989616237E-2</v>
      </c>
      <c r="E43" s="176">
        <v>7.8814432510128207E-2</v>
      </c>
      <c r="F43" s="89">
        <v>4.4046523527634864E-2</v>
      </c>
      <c r="G43" s="176">
        <v>0.67894788574626219</v>
      </c>
      <c r="H43" s="89">
        <v>7.2507408246625313E-2</v>
      </c>
      <c r="I43" s="173">
        <v>163</v>
      </c>
      <c r="J43" s="176">
        <v>0.32223968471424641</v>
      </c>
      <c r="K43" s="89">
        <v>7.2574034654818737E-2</v>
      </c>
      <c r="L43" s="176">
        <v>0.18439440703504903</v>
      </c>
      <c r="M43" s="89">
        <v>6.0952038175869513E-2</v>
      </c>
      <c r="N43" s="176">
        <v>0.49336590825070376</v>
      </c>
      <c r="O43" s="89">
        <v>7.737583399328124E-2</v>
      </c>
      <c r="P43" s="173">
        <v>164</v>
      </c>
      <c r="Q43" s="176">
        <v>0.3194382875390101</v>
      </c>
      <c r="R43" s="89">
        <v>7.2198715091502955E-2</v>
      </c>
      <c r="S43" s="176">
        <v>0.19552106431473393</v>
      </c>
      <c r="T43" s="89">
        <v>6.2039668886301615E-2</v>
      </c>
      <c r="U43" s="176">
        <v>0.48504064814625514</v>
      </c>
      <c r="V43" s="89">
        <v>7.711876234358514E-2</v>
      </c>
    </row>
    <row r="44" spans="1:45">
      <c r="A44" s="44" t="s">
        <v>538</v>
      </c>
      <c r="B44" s="174">
        <v>88</v>
      </c>
      <c r="C44" s="177">
        <v>0.15553942929091177</v>
      </c>
      <c r="D44" s="92">
        <v>7.8419240603096643E-2</v>
      </c>
      <c r="E44" s="177">
        <v>0.19292130354377776</v>
      </c>
      <c r="F44" s="92">
        <v>8.4370865008041251E-2</v>
      </c>
      <c r="G44" s="177">
        <v>0.65153926716531008</v>
      </c>
      <c r="H44" s="92">
        <v>9.9780045617974017E-2</v>
      </c>
      <c r="I44" s="174">
        <v>89</v>
      </c>
      <c r="J44" s="177">
        <v>0.2040455688780857</v>
      </c>
      <c r="K44" s="92">
        <v>8.5454756034150342E-2</v>
      </c>
      <c r="L44" s="177">
        <v>0.20910297207389614</v>
      </c>
      <c r="M44" s="92">
        <v>8.6136078703596353E-2</v>
      </c>
      <c r="N44" s="177">
        <v>0.58685145904801772</v>
      </c>
      <c r="O44" s="92">
        <v>0.10225242749747936</v>
      </c>
      <c r="P44" s="174">
        <v>89</v>
      </c>
      <c r="Q44" s="177">
        <v>0.37665277518534418</v>
      </c>
      <c r="R44" s="92">
        <v>0.10076398354464727</v>
      </c>
      <c r="S44" s="177">
        <v>0.15667074583656215</v>
      </c>
      <c r="T44" s="92">
        <v>7.8163530349915938E-2</v>
      </c>
      <c r="U44" s="177">
        <v>0.46667647897809345</v>
      </c>
      <c r="V44" s="92">
        <v>0.10348404102653855</v>
      </c>
    </row>
    <row r="45" spans="1:45">
      <c r="A45" s="40" t="s">
        <v>539</v>
      </c>
      <c r="B45" s="173">
        <v>243</v>
      </c>
      <c r="C45" s="176">
        <v>8.9529543179547366E-2</v>
      </c>
      <c r="D45" s="89">
        <v>3.7519625925899691E-2</v>
      </c>
      <c r="E45" s="176">
        <v>0.16705220641055576</v>
      </c>
      <c r="F45" s="89">
        <v>4.8073343935489454E-2</v>
      </c>
      <c r="G45" s="176">
        <v>0.74341825040989462</v>
      </c>
      <c r="H45" s="89">
        <v>5.5855673408187187E-2</v>
      </c>
      <c r="I45" s="173">
        <v>243</v>
      </c>
      <c r="J45" s="176">
        <v>0.33459678564758627</v>
      </c>
      <c r="K45" s="89">
        <v>6.0164511055304758E-2</v>
      </c>
      <c r="L45" s="176">
        <v>0.17605497535940376</v>
      </c>
      <c r="M45" s="89">
        <v>4.9027956727266807E-2</v>
      </c>
      <c r="N45" s="176">
        <v>0.48934823899300794</v>
      </c>
      <c r="O45" s="89">
        <v>6.3614500046728778E-2</v>
      </c>
      <c r="P45" s="173">
        <v>243</v>
      </c>
      <c r="Q45" s="176">
        <v>0.2842025333204426</v>
      </c>
      <c r="R45" s="89">
        <v>5.7607851113033216E-2</v>
      </c>
      <c r="S45" s="176">
        <v>0.21674826104442441</v>
      </c>
      <c r="T45" s="89">
        <v>5.2830184565899399E-2</v>
      </c>
      <c r="U45" s="176">
        <v>0.49904920563513089</v>
      </c>
      <c r="V45" s="89">
        <v>6.3628364951803934E-2</v>
      </c>
    </row>
    <row r="46" spans="1:45">
      <c r="A46" s="44" t="s">
        <v>540</v>
      </c>
      <c r="B46" s="174">
        <v>82</v>
      </c>
      <c r="C46" s="177">
        <v>6.2767714573719852E-2</v>
      </c>
      <c r="D46" s="92">
        <v>5.9532210751690837E-2</v>
      </c>
      <c r="E46" s="177">
        <v>0.27807229728714861</v>
      </c>
      <c r="F46" s="92">
        <v>9.7699853407029733E-2</v>
      </c>
      <c r="G46" s="177">
        <v>0.65915998813913146</v>
      </c>
      <c r="H46" s="92">
        <v>0.10274596192082715</v>
      </c>
      <c r="I46" s="174">
        <v>82</v>
      </c>
      <c r="J46" s="177">
        <v>0.39581015094711058</v>
      </c>
      <c r="K46" s="92">
        <v>0.10568289723281067</v>
      </c>
      <c r="L46" s="177">
        <v>0.30047340049554772</v>
      </c>
      <c r="M46" s="92">
        <v>9.9722020187442736E-2</v>
      </c>
      <c r="N46" s="177">
        <v>0.30371644855734181</v>
      </c>
      <c r="O46" s="92">
        <v>9.9993801869994667E-2</v>
      </c>
      <c r="P46" s="174">
        <v>82</v>
      </c>
      <c r="Q46" s="177">
        <v>0.42862772175220654</v>
      </c>
      <c r="R46" s="92">
        <v>0.10682932237115692</v>
      </c>
      <c r="S46" s="177">
        <v>0.19280721571236797</v>
      </c>
      <c r="T46" s="92">
        <v>8.739294014136316E-2</v>
      </c>
      <c r="U46" s="177">
        <v>0.3785650625354256</v>
      </c>
      <c r="V46" s="92">
        <v>0.10490159658075761</v>
      </c>
    </row>
    <row r="47" spans="1:45">
      <c r="A47" s="40" t="s">
        <v>541</v>
      </c>
      <c r="B47" s="173">
        <v>90</v>
      </c>
      <c r="C47" s="176">
        <v>9.6846352474790856E-2</v>
      </c>
      <c r="D47" s="89">
        <v>6.5559915852653083E-2</v>
      </c>
      <c r="E47" s="176">
        <v>0.11292848046994827</v>
      </c>
      <c r="F47" s="89">
        <v>6.9237595912341285E-2</v>
      </c>
      <c r="G47" s="176">
        <v>0.79022516705526091</v>
      </c>
      <c r="H47" s="89">
        <v>8.5747128352063232E-2</v>
      </c>
      <c r="I47" s="173">
        <v>90</v>
      </c>
      <c r="J47" s="176">
        <v>0.32382853123218847</v>
      </c>
      <c r="K47" s="89">
        <v>9.7095874596335466E-2</v>
      </c>
      <c r="L47" s="176">
        <v>0.15733069527652466</v>
      </c>
      <c r="M47" s="89">
        <v>7.7831926285597014E-2</v>
      </c>
      <c r="N47" s="176">
        <v>0.51884077349128699</v>
      </c>
      <c r="O47" s="89">
        <v>0.10307497644853081</v>
      </c>
      <c r="P47" s="173">
        <v>90</v>
      </c>
      <c r="Q47" s="176">
        <v>0.2832316724842569</v>
      </c>
      <c r="R47" s="89">
        <v>9.3836759243349374E-2</v>
      </c>
      <c r="S47" s="176">
        <v>0.2332558568073847</v>
      </c>
      <c r="T47" s="89">
        <v>8.8672058424333441E-2</v>
      </c>
      <c r="U47" s="176">
        <v>0.48351247070835845</v>
      </c>
      <c r="V47" s="89">
        <v>0.10309070667020312</v>
      </c>
    </row>
    <row r="48" spans="1:45">
      <c r="A48" s="44" t="s">
        <v>542</v>
      </c>
      <c r="B48" s="174">
        <v>71</v>
      </c>
      <c r="C48" s="177">
        <v>0.10944779076806593</v>
      </c>
      <c r="D48" s="92">
        <v>7.7736334589163528E-2</v>
      </c>
      <c r="E48" s="177">
        <v>0.11081017069519826</v>
      </c>
      <c r="F48" s="92">
        <v>7.806223028978769E-2</v>
      </c>
      <c r="G48" s="177">
        <v>0.77974203853673563</v>
      </c>
      <c r="H48" s="92">
        <v>9.7943946693924352E-2</v>
      </c>
      <c r="I48" s="174">
        <v>71</v>
      </c>
      <c r="J48" s="177">
        <v>0.28241209461800404</v>
      </c>
      <c r="K48" s="92">
        <v>0.10521620008983716</v>
      </c>
      <c r="L48" s="177">
        <v>6.6476817032570759E-2</v>
      </c>
      <c r="M48" s="92">
        <v>6.5957660065278131E-2</v>
      </c>
      <c r="N48" s="177">
        <v>0.65111108834942466</v>
      </c>
      <c r="O48" s="92">
        <v>0.11064325226520068</v>
      </c>
      <c r="P48" s="174">
        <v>71</v>
      </c>
      <c r="Q48" s="177">
        <v>0.13397376346155812</v>
      </c>
      <c r="R48" s="92">
        <v>8.3245627795633506E-2</v>
      </c>
      <c r="S48" s="177">
        <v>0.22315757447481055</v>
      </c>
      <c r="T48" s="92">
        <v>9.8336940771204737E-2</v>
      </c>
      <c r="U48" s="177">
        <v>0.64286866206363102</v>
      </c>
      <c r="V48" s="92">
        <v>0.1111653922107038</v>
      </c>
    </row>
    <row r="49" spans="1:22">
      <c r="A49" s="40" t="s">
        <v>543</v>
      </c>
      <c r="B49" s="173">
        <v>474</v>
      </c>
      <c r="C49" s="176">
        <v>0.1810789010654191</v>
      </c>
      <c r="D49" s="89">
        <v>3.542739416694618E-2</v>
      </c>
      <c r="E49" s="176">
        <v>0.15083651370147735</v>
      </c>
      <c r="F49" s="89">
        <v>3.2997621730759027E-2</v>
      </c>
      <c r="G49" s="176">
        <v>0.66808458523310488</v>
      </c>
      <c r="H49" s="89">
        <v>4.3122714627225063E-2</v>
      </c>
      <c r="I49" s="173">
        <v>474</v>
      </c>
      <c r="J49" s="176">
        <v>0.31685091325996362</v>
      </c>
      <c r="K49" s="89">
        <v>4.2614891423468325E-2</v>
      </c>
      <c r="L49" s="176">
        <v>0.15574048562558435</v>
      </c>
      <c r="M49" s="89">
        <v>3.3418932791548048E-2</v>
      </c>
      <c r="N49" s="176">
        <v>0.52740860111445398</v>
      </c>
      <c r="O49" s="89">
        <v>4.5671309662310179E-2</v>
      </c>
      <c r="P49" s="173">
        <v>476</v>
      </c>
      <c r="Q49" s="176">
        <v>0.26172559668075029</v>
      </c>
      <c r="R49" s="89">
        <v>4.0225159093385442E-2</v>
      </c>
      <c r="S49" s="176">
        <v>0.13516518143792061</v>
      </c>
      <c r="T49" s="89">
        <v>3.1504592153958337E-2</v>
      </c>
      <c r="U49" s="176">
        <v>0.60310922188133087</v>
      </c>
      <c r="V49" s="89">
        <v>4.4678941900726889E-2</v>
      </c>
    </row>
    <row r="50" spans="1:22">
      <c r="A50" s="44" t="s">
        <v>616</v>
      </c>
      <c r="B50" s="174">
        <v>244</v>
      </c>
      <c r="C50" s="177">
        <v>0.16959339939685983</v>
      </c>
      <c r="D50" s="92">
        <v>4.8247454182416077E-2</v>
      </c>
      <c r="E50" s="177">
        <v>0.18786354932773741</v>
      </c>
      <c r="F50" s="92">
        <v>5.0110903880444188E-2</v>
      </c>
      <c r="G50" s="177">
        <v>0.64254305127540046</v>
      </c>
      <c r="H50" s="92">
        <v>6.0951015357632581E-2</v>
      </c>
      <c r="I50" s="174">
        <v>244</v>
      </c>
      <c r="J50" s="177">
        <v>0.31603692223767549</v>
      </c>
      <c r="K50" s="92">
        <v>5.9193568857836852E-2</v>
      </c>
      <c r="L50" s="177">
        <v>0.13601514106436274</v>
      </c>
      <c r="M50" s="92">
        <v>4.4314540325391533E-2</v>
      </c>
      <c r="N50" s="177">
        <v>0.54794793669795927</v>
      </c>
      <c r="O50" s="92">
        <v>6.3216800381584254E-2</v>
      </c>
      <c r="P50" s="174">
        <v>245</v>
      </c>
      <c r="Q50" s="177">
        <v>0.28193613982849619</v>
      </c>
      <c r="R50" s="92">
        <v>5.7240934019048909E-2</v>
      </c>
      <c r="S50" s="177">
        <v>0.15672644591416784</v>
      </c>
      <c r="T50" s="92">
        <v>4.6727231589250122E-2</v>
      </c>
      <c r="U50" s="177">
        <v>0.56133741425733341</v>
      </c>
      <c r="V50" s="92">
        <v>6.2909079178403618E-2</v>
      </c>
    </row>
    <row r="51" spans="1:22">
      <c r="A51" s="52" t="s">
        <v>544</v>
      </c>
      <c r="B51" s="173">
        <v>230</v>
      </c>
      <c r="C51" s="176">
        <v>0.1913597111299315</v>
      </c>
      <c r="D51" s="89">
        <v>5.1964821928371638E-2</v>
      </c>
      <c r="E51" s="176">
        <v>0.11769317077135484</v>
      </c>
      <c r="F51" s="89">
        <v>4.3124873781022047E-2</v>
      </c>
      <c r="G51" s="176">
        <v>0.69094711809871256</v>
      </c>
      <c r="H51" s="89">
        <v>6.0591820156532854E-2</v>
      </c>
      <c r="I51" s="173">
        <v>230</v>
      </c>
      <c r="J51" s="176">
        <v>0.31758910054671374</v>
      </c>
      <c r="K51" s="89">
        <v>6.1024599863416629E-2</v>
      </c>
      <c r="L51" s="176">
        <v>0.17362888756516473</v>
      </c>
      <c r="M51" s="89">
        <v>5.0143796021754311E-2</v>
      </c>
      <c r="N51" s="176">
        <v>0.50878201188811978</v>
      </c>
      <c r="O51" s="89">
        <v>6.5362302635484121E-2</v>
      </c>
      <c r="P51" s="173">
        <v>231</v>
      </c>
      <c r="Q51" s="176">
        <v>0.2435053657584185</v>
      </c>
      <c r="R51" s="89">
        <v>5.6332007345938954E-2</v>
      </c>
      <c r="S51" s="176">
        <v>0.11572724674894146</v>
      </c>
      <c r="T51" s="89">
        <v>4.2739902364341581E-2</v>
      </c>
      <c r="U51" s="176">
        <v>0.64076738749263884</v>
      </c>
      <c r="V51" s="89">
        <v>6.2685078528484192E-2</v>
      </c>
    </row>
    <row r="52" spans="1:22">
      <c r="A52" s="44" t="s">
        <v>545</v>
      </c>
      <c r="B52" s="174">
        <v>111</v>
      </c>
      <c r="C52" s="177">
        <v>0.25484915536161051</v>
      </c>
      <c r="D52" s="92">
        <v>8.2147089599079126E-2</v>
      </c>
      <c r="E52" s="177">
        <v>0.11518656783015936</v>
      </c>
      <c r="F52" s="92">
        <v>6.242652233760549E-2</v>
      </c>
      <c r="G52" s="177">
        <v>0.62996427680822986</v>
      </c>
      <c r="H52" s="92">
        <v>9.026797939723491E-2</v>
      </c>
      <c r="I52" s="174">
        <v>112</v>
      </c>
      <c r="J52" s="177">
        <v>0.28547282279363256</v>
      </c>
      <c r="K52" s="92">
        <v>8.4506129589830115E-2</v>
      </c>
      <c r="L52" s="177">
        <v>0.1114169579822219</v>
      </c>
      <c r="M52" s="92">
        <v>6.137427468477042E-2</v>
      </c>
      <c r="N52" s="177">
        <v>0.60311021922414521</v>
      </c>
      <c r="O52" s="92">
        <v>9.0988605352970708E-2</v>
      </c>
      <c r="P52" s="174">
        <v>111</v>
      </c>
      <c r="Q52" s="177">
        <v>0.34635236234001021</v>
      </c>
      <c r="R52" s="92">
        <v>8.9054181817736694E-2</v>
      </c>
      <c r="S52" s="177">
        <v>0.13494328728954627</v>
      </c>
      <c r="T52" s="92">
        <v>6.6160036054828467E-2</v>
      </c>
      <c r="U52" s="177">
        <v>0.51870435037044316</v>
      </c>
      <c r="V52" s="92">
        <v>9.3189673172171042E-2</v>
      </c>
    </row>
    <row r="53" spans="1:22">
      <c r="A53" s="52" t="s">
        <v>546</v>
      </c>
      <c r="B53" s="173">
        <v>287</v>
      </c>
      <c r="C53" s="176">
        <v>0.19727137205589215</v>
      </c>
      <c r="D53" s="89">
        <v>4.7022331737918817E-2</v>
      </c>
      <c r="E53" s="176">
        <v>0.12154630529015971</v>
      </c>
      <c r="F53" s="89">
        <v>3.9005375695050179E-2</v>
      </c>
      <c r="G53" s="176">
        <v>0.68118232265395018</v>
      </c>
      <c r="H53" s="89">
        <v>5.4749567293019254E-2</v>
      </c>
      <c r="I53" s="173">
        <v>281</v>
      </c>
      <c r="J53" s="176">
        <v>0.28696247628546662</v>
      </c>
      <c r="K53" s="89">
        <v>5.3754482528219939E-2</v>
      </c>
      <c r="L53" s="176">
        <v>0.14283017357867653</v>
      </c>
      <c r="M53" s="89">
        <v>4.2050179899418852E-2</v>
      </c>
      <c r="N53" s="176">
        <v>0.5702073501358601</v>
      </c>
      <c r="O53" s="89">
        <v>5.8664471684170542E-2</v>
      </c>
      <c r="P53" s="173">
        <v>288</v>
      </c>
      <c r="Q53" s="176">
        <v>0.32469328988371343</v>
      </c>
      <c r="R53" s="89">
        <v>5.491011024237856E-2</v>
      </c>
      <c r="S53" s="176">
        <v>0.1586737960694666</v>
      </c>
      <c r="T53" s="89">
        <v>4.3268267843973328E-2</v>
      </c>
      <c r="U53" s="176">
        <v>0.51663291404682299</v>
      </c>
      <c r="V53" s="89">
        <v>5.8489066278613479E-2</v>
      </c>
    </row>
    <row r="54" spans="1:22">
      <c r="A54" s="44" t="s">
        <v>557</v>
      </c>
      <c r="B54" s="174">
        <v>112</v>
      </c>
      <c r="C54" s="177">
        <v>0.1807557503848973</v>
      </c>
      <c r="D54" s="92">
        <v>7.3106128527792746E-2</v>
      </c>
      <c r="E54" s="177">
        <v>0.10382190792575841</v>
      </c>
      <c r="F54" s="92">
        <v>5.9793009084021194E-2</v>
      </c>
      <c r="G54" s="177">
        <v>0.71542234168934482</v>
      </c>
      <c r="H54" s="92">
        <v>8.4432895650680809E-2</v>
      </c>
      <c r="I54" s="174">
        <v>107</v>
      </c>
      <c r="J54" s="177">
        <v>0.27371156590483514</v>
      </c>
      <c r="K54" s="92">
        <v>8.540683843890505E-2</v>
      </c>
      <c r="L54" s="177">
        <v>0.14131929706308874</v>
      </c>
      <c r="M54" s="92">
        <v>6.8563981231866938E-2</v>
      </c>
      <c r="N54" s="177">
        <v>0.58496913703207698</v>
      </c>
      <c r="O54" s="92">
        <v>9.3633599278127505E-2</v>
      </c>
      <c r="P54" s="174">
        <v>112</v>
      </c>
      <c r="Q54" s="177">
        <v>0.36867190501935149</v>
      </c>
      <c r="R54" s="92">
        <v>8.981242458025325E-2</v>
      </c>
      <c r="S54" s="177">
        <v>0.14419440732168062</v>
      </c>
      <c r="T54" s="92">
        <v>6.7462050200784371E-2</v>
      </c>
      <c r="U54" s="177">
        <v>0.48713368765896886</v>
      </c>
      <c r="V54" s="92">
        <v>9.2819007762133768E-2</v>
      </c>
    </row>
    <row r="55" spans="1:22">
      <c r="A55" s="52" t="s">
        <v>558</v>
      </c>
      <c r="B55" s="173">
        <v>113</v>
      </c>
      <c r="C55" s="176">
        <v>0.21240887906294181</v>
      </c>
      <c r="D55" s="89">
        <v>7.6872625915610601E-2</v>
      </c>
      <c r="E55" s="176">
        <v>0.13651279779233502</v>
      </c>
      <c r="F55" s="89">
        <v>6.5829791730352666E-2</v>
      </c>
      <c r="G55" s="176">
        <v>0.65107832314472336</v>
      </c>
      <c r="H55" s="89">
        <v>8.8425800236348745E-2</v>
      </c>
      <c r="I55" s="173">
        <v>111</v>
      </c>
      <c r="J55" s="176">
        <v>0.27658033432393125</v>
      </c>
      <c r="K55" s="89">
        <v>8.4131512833054894E-2</v>
      </c>
      <c r="L55" s="176">
        <v>0.1116684605929653</v>
      </c>
      <c r="M55" s="89">
        <v>6.1716519549712703E-2</v>
      </c>
      <c r="N55" s="176">
        <v>0.61175120508310377</v>
      </c>
      <c r="O55" s="89">
        <v>9.1054749497641946E-2</v>
      </c>
      <c r="P55" s="173">
        <v>112</v>
      </c>
      <c r="Q55" s="176">
        <v>0.30315962120115469</v>
      </c>
      <c r="R55" s="89">
        <v>8.5878812166140864E-2</v>
      </c>
      <c r="S55" s="176">
        <v>0.16197575258011804</v>
      </c>
      <c r="T55" s="89">
        <v>7.0340004962359912E-2</v>
      </c>
      <c r="U55" s="176">
        <v>0.53486462621872766</v>
      </c>
      <c r="V55" s="89">
        <v>9.2637008129277928E-2</v>
      </c>
    </row>
    <row r="56" spans="1:22">
      <c r="A56" s="44" t="s">
        <v>549</v>
      </c>
      <c r="B56" s="174">
        <v>62</v>
      </c>
      <c r="C56" s="177">
        <v>0.20192408729403483</v>
      </c>
      <c r="D56" s="92">
        <v>0.10197860874778737</v>
      </c>
      <c r="E56" s="177">
        <v>0.12871447829707092</v>
      </c>
      <c r="F56" s="92">
        <v>8.8197492439440597E-2</v>
      </c>
      <c r="G56" s="177">
        <v>0.66936143440889451</v>
      </c>
      <c r="H56" s="92">
        <v>0.1166938785142332</v>
      </c>
      <c r="I56" s="174">
        <v>63</v>
      </c>
      <c r="J56" s="177">
        <v>0.32664027390900657</v>
      </c>
      <c r="K56" s="92">
        <v>0.11549446590315425</v>
      </c>
      <c r="L56" s="177">
        <v>0.1961555927490673</v>
      </c>
      <c r="M56" s="92">
        <v>0.10026024984453226</v>
      </c>
      <c r="N56" s="177">
        <v>0.47720413334192635</v>
      </c>
      <c r="O56" s="92">
        <v>0.12205712981688678</v>
      </c>
      <c r="P56" s="174">
        <v>64</v>
      </c>
      <c r="Q56" s="177">
        <v>0.28247593734818266</v>
      </c>
      <c r="R56" s="92">
        <v>0.1106361894803361</v>
      </c>
      <c r="S56" s="177">
        <v>0.17870276190602841</v>
      </c>
      <c r="T56" s="92">
        <v>9.6575423781299893E-2</v>
      </c>
      <c r="U56" s="177">
        <v>0.53882130074578904</v>
      </c>
      <c r="V56" s="92">
        <v>0.12094359328343991</v>
      </c>
    </row>
    <row r="57" spans="1:22">
      <c r="A57" s="52" t="s">
        <v>550</v>
      </c>
      <c r="B57" s="173">
        <v>162</v>
      </c>
      <c r="C57" s="176">
        <v>0.23149830032174992</v>
      </c>
      <c r="D57" s="89">
        <v>6.610312255664233E-2</v>
      </c>
      <c r="E57" s="176">
        <v>0.19165129762293698</v>
      </c>
      <c r="F57" s="89">
        <v>6.1984838459436607E-2</v>
      </c>
      <c r="G57" s="176">
        <v>0.57685040205531268</v>
      </c>
      <c r="H57" s="89">
        <v>7.6736948927991155E-2</v>
      </c>
      <c r="I57" s="173">
        <v>159</v>
      </c>
      <c r="J57" s="176">
        <v>0.28797234206107541</v>
      </c>
      <c r="K57" s="89">
        <v>7.1310883493583666E-2</v>
      </c>
      <c r="L57" s="176">
        <v>0.16576345139703097</v>
      </c>
      <c r="M57" s="89">
        <v>5.9383655164516304E-2</v>
      </c>
      <c r="N57" s="176">
        <v>0.546264206541893</v>
      </c>
      <c r="O57" s="89">
        <v>7.80063523313336E-2</v>
      </c>
      <c r="P57" s="173">
        <v>162</v>
      </c>
      <c r="Q57" s="176">
        <v>0.35593199178750573</v>
      </c>
      <c r="R57" s="89">
        <v>7.4483381669748772E-2</v>
      </c>
      <c r="S57" s="176">
        <v>0.15952821788391475</v>
      </c>
      <c r="T57" s="89">
        <v>5.7998382519223235E-2</v>
      </c>
      <c r="U57" s="176">
        <v>0.4845397903285793</v>
      </c>
      <c r="V57" s="89">
        <v>7.7579708264565103E-2</v>
      </c>
    </row>
    <row r="58" spans="1:22">
      <c r="A58" s="44" t="s">
        <v>551</v>
      </c>
      <c r="B58" s="174">
        <v>673</v>
      </c>
      <c r="C58" s="177">
        <v>0.20935831617410769</v>
      </c>
      <c r="D58" s="92">
        <v>3.1366953012220804E-2</v>
      </c>
      <c r="E58" s="177">
        <v>0.19260508936847476</v>
      </c>
      <c r="F58" s="92">
        <v>3.0420165769428444E-2</v>
      </c>
      <c r="G58" s="177">
        <v>0.5980365944574233</v>
      </c>
      <c r="H58" s="92">
        <v>3.7695982360054434E-2</v>
      </c>
      <c r="I58" s="174">
        <v>675</v>
      </c>
      <c r="J58" s="177">
        <v>0.37027827225718746</v>
      </c>
      <c r="K58" s="92">
        <v>3.7078109185131651E-2</v>
      </c>
      <c r="L58" s="177">
        <v>0.21076034256330661</v>
      </c>
      <c r="M58" s="92">
        <v>3.1395917965236754E-2</v>
      </c>
      <c r="N58" s="177">
        <v>0.41896138517950904</v>
      </c>
      <c r="O58" s="92">
        <v>3.787506713726671E-2</v>
      </c>
      <c r="P58" s="174">
        <v>677</v>
      </c>
      <c r="Q58" s="177">
        <v>0.34770718761903863</v>
      </c>
      <c r="R58" s="92">
        <v>3.6521155010792346E-2</v>
      </c>
      <c r="S58" s="177">
        <v>0.1783224591523444</v>
      </c>
      <c r="T58" s="92">
        <v>2.9457709748948707E-2</v>
      </c>
      <c r="U58" s="177">
        <v>0.47397035322862074</v>
      </c>
      <c r="V58" s="92">
        <v>3.8268730098586015E-2</v>
      </c>
    </row>
    <row r="61" spans="1:22" ht="18.75">
      <c r="A61" s="342" t="s">
        <v>233</v>
      </c>
      <c r="B61" s="342"/>
      <c r="C61" s="342"/>
      <c r="D61" s="342"/>
    </row>
    <row r="62" spans="1:22" ht="112.5" customHeight="1">
      <c r="A62" s="398" t="s">
        <v>398</v>
      </c>
      <c r="B62" s="398"/>
      <c r="C62" s="398"/>
      <c r="D62" s="398"/>
    </row>
    <row r="63" spans="1:22" ht="39" customHeight="1">
      <c r="A63" s="397" t="s">
        <v>234</v>
      </c>
      <c r="B63" s="397"/>
      <c r="C63" s="397"/>
      <c r="D63" s="397"/>
    </row>
    <row r="64" spans="1:22" ht="39" customHeight="1">
      <c r="A64" s="32" t="s">
        <v>71</v>
      </c>
      <c r="B64" s="33" t="s">
        <v>72</v>
      </c>
      <c r="C64" s="34" t="s">
        <v>591</v>
      </c>
      <c r="D64" s="35" t="s">
        <v>73</v>
      </c>
    </row>
    <row r="65" spans="1:4" ht="72">
      <c r="A65" s="36"/>
      <c r="B65" s="37" t="s">
        <v>74</v>
      </c>
      <c r="C65" s="123" t="s">
        <v>134</v>
      </c>
      <c r="D65" s="39" t="s">
        <v>76</v>
      </c>
    </row>
    <row r="66" spans="1:4">
      <c r="A66" s="40" t="s">
        <v>350</v>
      </c>
      <c r="B66" s="178">
        <v>13917</v>
      </c>
      <c r="C66" s="79">
        <v>3.2074450421480307</v>
      </c>
      <c r="D66" s="80">
        <v>2.489005461921338E-2</v>
      </c>
    </row>
    <row r="67" spans="1:4">
      <c r="A67" s="44" t="s">
        <v>351</v>
      </c>
      <c r="B67" s="44">
        <v>10206</v>
      </c>
      <c r="C67" s="181">
        <v>3.3536985486791351</v>
      </c>
      <c r="D67" s="182">
        <v>2.8654610158544529E-2</v>
      </c>
    </row>
    <row r="68" spans="1:4">
      <c r="A68" s="40" t="s">
        <v>352</v>
      </c>
      <c r="B68" s="48">
        <v>3711</v>
      </c>
      <c r="C68" s="79">
        <v>3.0887609169298753</v>
      </c>
      <c r="D68" s="80">
        <v>4.8343121708030068E-2</v>
      </c>
    </row>
    <row r="69" spans="1:4">
      <c r="A69" s="44" t="s">
        <v>555</v>
      </c>
      <c r="B69" s="44">
        <v>3618</v>
      </c>
      <c r="C69" s="181">
        <v>3.2647915311468689</v>
      </c>
      <c r="D69" s="182">
        <v>4.8279311435323838E-2</v>
      </c>
    </row>
    <row r="70" spans="1:4">
      <c r="A70" s="40" t="s">
        <v>556</v>
      </c>
      <c r="B70" s="48">
        <v>2967</v>
      </c>
      <c r="C70" s="79">
        <v>3.4877846377607846</v>
      </c>
      <c r="D70" s="80">
        <v>5.2296166038269025E-2</v>
      </c>
    </row>
    <row r="71" spans="1:4">
      <c r="A71" s="44" t="s">
        <v>536</v>
      </c>
      <c r="B71" s="44">
        <v>332</v>
      </c>
      <c r="C71" s="181">
        <v>3.6444654156593672</v>
      </c>
      <c r="D71" s="182">
        <v>0.15549600990063855</v>
      </c>
    </row>
    <row r="72" spans="1:4">
      <c r="A72" s="40" t="s">
        <v>537</v>
      </c>
      <c r="B72" s="48">
        <v>163</v>
      </c>
      <c r="C72" s="79">
        <v>3.6654608692515676</v>
      </c>
      <c r="D72" s="80">
        <v>0.20941813926151562</v>
      </c>
    </row>
    <row r="73" spans="1:4">
      <c r="A73" s="44" t="s">
        <v>538</v>
      </c>
      <c r="B73" s="44">
        <v>89</v>
      </c>
      <c r="C73" s="181">
        <v>3.6762591652581866</v>
      </c>
      <c r="D73" s="182">
        <v>0.31109657391190437</v>
      </c>
    </row>
    <row r="74" spans="1:4">
      <c r="A74" s="40" t="s">
        <v>539</v>
      </c>
      <c r="B74" s="48">
        <v>243</v>
      </c>
      <c r="C74" s="79">
        <v>3.8285251422450215</v>
      </c>
      <c r="D74" s="80">
        <v>0.2031533032982191</v>
      </c>
    </row>
    <row r="75" spans="1:4">
      <c r="A75" s="44" t="s">
        <v>540</v>
      </c>
      <c r="B75" s="44">
        <v>82</v>
      </c>
      <c r="C75" s="181">
        <v>3.6508400337020133</v>
      </c>
      <c r="D75" s="182">
        <v>0.36747465841441057</v>
      </c>
    </row>
    <row r="76" spans="1:4">
      <c r="A76" s="40" t="s">
        <v>541</v>
      </c>
      <c r="B76" s="178">
        <v>90</v>
      </c>
      <c r="C76" s="79">
        <v>3.7770691535460577</v>
      </c>
      <c r="D76" s="80">
        <v>0.29903207333830406</v>
      </c>
    </row>
    <row r="77" spans="1:4">
      <c r="A77" s="44" t="s">
        <v>542</v>
      </c>
      <c r="B77" s="180">
        <v>71</v>
      </c>
      <c r="C77" s="181">
        <v>4.0718237982474026</v>
      </c>
      <c r="D77" s="182">
        <v>0.3957174347008906</v>
      </c>
    </row>
    <row r="78" spans="1:4">
      <c r="A78" s="40" t="s">
        <v>543</v>
      </c>
      <c r="B78" s="78">
        <v>478</v>
      </c>
      <c r="C78" s="79">
        <v>3.4052608895021814</v>
      </c>
      <c r="D78" s="80">
        <v>0.12553093749480598</v>
      </c>
    </row>
    <row r="79" spans="1:4">
      <c r="A79" s="44" t="s">
        <v>616</v>
      </c>
      <c r="B79" s="180">
        <v>247</v>
      </c>
      <c r="C79" s="181">
        <v>3.4450531171747714</v>
      </c>
      <c r="D79" s="182">
        <v>0.1813478174557264</v>
      </c>
    </row>
    <row r="80" spans="1:4">
      <c r="A80" s="52" t="s">
        <v>544</v>
      </c>
      <c r="B80" s="178">
        <v>231</v>
      </c>
      <c r="C80" s="79">
        <v>3.3692653652747566</v>
      </c>
      <c r="D80" s="80">
        <v>0.17282480456321353</v>
      </c>
    </row>
    <row r="81" spans="1:30">
      <c r="A81" s="44" t="s">
        <v>545</v>
      </c>
      <c r="B81" s="180">
        <v>112</v>
      </c>
      <c r="C81" s="181">
        <v>3.619456266905579</v>
      </c>
      <c r="D81" s="182">
        <v>0.25664695870282861</v>
      </c>
    </row>
    <row r="82" spans="1:30">
      <c r="A82" s="52" t="s">
        <v>546</v>
      </c>
      <c r="B82" s="178">
        <v>288</v>
      </c>
      <c r="C82" s="79">
        <v>3.7198236122020969</v>
      </c>
      <c r="D82" s="80">
        <v>0.17936201857389716</v>
      </c>
    </row>
    <row r="83" spans="1:30">
      <c r="A83" s="44" t="s">
        <v>557</v>
      </c>
      <c r="B83" s="180">
        <v>112</v>
      </c>
      <c r="C83" s="181">
        <v>3.8980017724352991</v>
      </c>
      <c r="D83" s="182">
        <v>0.28772366664187682</v>
      </c>
    </row>
    <row r="84" spans="1:30">
      <c r="A84" s="52" t="s">
        <v>558</v>
      </c>
      <c r="B84" s="178">
        <v>113</v>
      </c>
      <c r="C84" s="79">
        <v>3.7088776982182088</v>
      </c>
      <c r="D84" s="80">
        <v>0.29637814947023622</v>
      </c>
    </row>
    <row r="85" spans="1:30">
      <c r="A85" s="44" t="s">
        <v>549</v>
      </c>
      <c r="B85" s="180">
        <v>63</v>
      </c>
      <c r="C85" s="181">
        <v>3.4204461387358882</v>
      </c>
      <c r="D85" s="182">
        <v>0.35760804936379353</v>
      </c>
      <c r="P85" s="242"/>
      <c r="Q85" s="242"/>
      <c r="R85" s="242"/>
      <c r="S85" s="242"/>
      <c r="T85" s="242"/>
      <c r="U85" s="242"/>
      <c r="V85" s="242"/>
      <c r="W85" s="242"/>
      <c r="X85" s="242"/>
      <c r="Y85" s="242"/>
      <c r="Z85" s="242"/>
      <c r="AA85" s="242"/>
      <c r="AB85" s="242"/>
      <c r="AC85" s="242"/>
      <c r="AD85" s="242"/>
    </row>
    <row r="86" spans="1:30">
      <c r="A86" s="52" t="s">
        <v>550</v>
      </c>
      <c r="B86" s="178">
        <v>162</v>
      </c>
      <c r="C86" s="79">
        <v>3.3854776614976019</v>
      </c>
      <c r="D86" s="80">
        <v>0.19456405934993531</v>
      </c>
      <c r="P86" s="242"/>
      <c r="Q86" s="242"/>
      <c r="R86" s="242"/>
      <c r="S86" s="242"/>
      <c r="T86" s="242"/>
      <c r="U86" s="242"/>
      <c r="V86" s="242"/>
      <c r="W86" s="242"/>
      <c r="X86" s="242"/>
      <c r="Y86" s="242"/>
      <c r="Z86" s="242"/>
      <c r="AA86" s="242"/>
      <c r="AB86" s="242"/>
      <c r="AC86" s="242"/>
      <c r="AD86" s="242"/>
    </row>
    <row r="87" spans="1:30">
      <c r="A87" s="44" t="s">
        <v>551</v>
      </c>
      <c r="B87" s="180">
        <v>675</v>
      </c>
      <c r="C87" s="181">
        <v>3.1216110065791134</v>
      </c>
      <c r="D87" s="182">
        <v>0.11664661036284693</v>
      </c>
      <c r="P87" s="242"/>
      <c r="Q87" s="242"/>
      <c r="R87" s="242"/>
      <c r="S87" s="242"/>
      <c r="T87" s="242"/>
      <c r="U87" s="242"/>
      <c r="V87" s="242"/>
      <c r="W87" s="242"/>
      <c r="X87" s="242"/>
      <c r="Y87" s="242"/>
      <c r="Z87" s="242"/>
      <c r="AA87" s="242"/>
      <c r="AB87" s="242"/>
      <c r="AC87" s="242"/>
      <c r="AD87" s="242"/>
    </row>
    <row r="88" spans="1:30">
      <c r="P88" s="242"/>
      <c r="Q88" s="242"/>
      <c r="R88" s="242"/>
      <c r="S88" s="242"/>
      <c r="T88" s="242"/>
      <c r="U88" s="242"/>
      <c r="V88" s="242"/>
      <c r="W88" s="242"/>
      <c r="X88" s="242"/>
      <c r="Y88" s="242"/>
      <c r="Z88" s="242"/>
      <c r="AA88" s="242"/>
      <c r="AB88" s="242"/>
      <c r="AC88" s="242"/>
      <c r="AD88" s="242"/>
    </row>
    <row r="89" spans="1:30">
      <c r="P89" s="242"/>
      <c r="Q89" s="242"/>
      <c r="R89" s="242"/>
      <c r="S89" s="242"/>
      <c r="T89" s="242"/>
      <c r="U89" s="242"/>
      <c r="V89" s="242"/>
      <c r="W89" s="242"/>
      <c r="X89" s="242"/>
      <c r="Y89" s="242"/>
      <c r="Z89" s="242"/>
      <c r="AA89" s="242"/>
      <c r="AB89" s="242"/>
      <c r="AC89" s="242"/>
      <c r="AD89" s="242"/>
    </row>
    <row r="90" spans="1:30" ht="18.75">
      <c r="A90" s="342" t="s">
        <v>46</v>
      </c>
      <c r="B90" s="342"/>
      <c r="C90" s="342"/>
      <c r="D90" s="342"/>
      <c r="E90" s="342"/>
      <c r="F90" s="342"/>
      <c r="G90" s="342"/>
      <c r="H90" s="342"/>
      <c r="I90" s="342"/>
      <c r="J90" s="342"/>
      <c r="K90" s="342"/>
      <c r="L90" s="342"/>
      <c r="M90" s="342"/>
      <c r="N90" s="342"/>
      <c r="O90" s="342"/>
      <c r="P90" s="342"/>
      <c r="Q90" s="342"/>
      <c r="R90" s="342"/>
      <c r="S90" s="342"/>
      <c r="T90" s="342"/>
      <c r="U90" s="342"/>
      <c r="V90" s="342"/>
      <c r="W90" s="224"/>
      <c r="X90" s="224"/>
      <c r="Y90" s="224"/>
      <c r="Z90" s="224"/>
      <c r="AA90" s="224"/>
      <c r="AB90" s="224"/>
      <c r="AC90" s="224"/>
      <c r="AD90" s="242"/>
    </row>
    <row r="91" spans="1:30" ht="38.25" customHeight="1">
      <c r="A91" s="405" t="s">
        <v>594</v>
      </c>
      <c r="B91" s="405"/>
      <c r="C91" s="405"/>
      <c r="D91" s="405"/>
      <c r="E91" s="405"/>
      <c r="F91" s="405"/>
      <c r="G91" s="405"/>
      <c r="H91" s="405"/>
      <c r="I91" s="405"/>
      <c r="J91" s="405"/>
      <c r="K91" s="405"/>
      <c r="L91" s="405"/>
      <c r="M91" s="405"/>
      <c r="N91" s="405"/>
      <c r="O91" s="405"/>
      <c r="P91" s="405"/>
      <c r="Q91" s="405"/>
      <c r="R91" s="405"/>
      <c r="S91" s="405"/>
      <c r="T91" s="405"/>
      <c r="U91" s="405"/>
      <c r="V91" s="405"/>
      <c r="W91" s="239"/>
      <c r="X91" s="239"/>
      <c r="Y91" s="239"/>
      <c r="Z91" s="239"/>
      <c r="AA91" s="239"/>
      <c r="AB91" s="239"/>
      <c r="AC91" s="239"/>
      <c r="AD91" s="242"/>
    </row>
    <row r="92" spans="1:30" ht="38.25" customHeight="1">
      <c r="A92" s="59"/>
      <c r="B92" s="348" t="s">
        <v>399</v>
      </c>
      <c r="C92" s="348"/>
      <c r="D92" s="348"/>
      <c r="E92" s="348"/>
      <c r="F92" s="348"/>
      <c r="G92" s="348"/>
      <c r="H92" s="348"/>
      <c r="I92" s="348" t="s">
        <v>217</v>
      </c>
      <c r="J92" s="348"/>
      <c r="K92" s="348"/>
      <c r="L92" s="348"/>
      <c r="M92" s="348"/>
      <c r="N92" s="348"/>
      <c r="O92" s="348"/>
      <c r="P92" s="399" t="s">
        <v>218</v>
      </c>
      <c r="Q92" s="400"/>
      <c r="R92" s="400"/>
      <c r="S92" s="400"/>
      <c r="T92" s="400"/>
      <c r="U92" s="400"/>
      <c r="V92" s="401"/>
    </row>
    <row r="93" spans="1:30" ht="72">
      <c r="A93" s="32" t="s">
        <v>71</v>
      </c>
      <c r="B93" s="33" t="s">
        <v>72</v>
      </c>
      <c r="C93" s="33" t="s">
        <v>180</v>
      </c>
      <c r="D93" s="84" t="s">
        <v>135</v>
      </c>
      <c r="E93" s="33" t="s">
        <v>181</v>
      </c>
      <c r="F93" s="84" t="s">
        <v>136</v>
      </c>
      <c r="G93" s="33" t="s">
        <v>182</v>
      </c>
      <c r="H93" s="84" t="s">
        <v>137</v>
      </c>
      <c r="I93" s="60" t="s">
        <v>72</v>
      </c>
      <c r="J93" s="60" t="s">
        <v>180</v>
      </c>
      <c r="K93" s="83" t="s">
        <v>135</v>
      </c>
      <c r="L93" s="60" t="s">
        <v>181</v>
      </c>
      <c r="M93" s="83" t="s">
        <v>136</v>
      </c>
      <c r="N93" s="60" t="s">
        <v>182</v>
      </c>
      <c r="O93" s="83" t="s">
        <v>137</v>
      </c>
      <c r="P93" s="33" t="s">
        <v>72</v>
      </c>
      <c r="Q93" s="33" t="s">
        <v>180</v>
      </c>
      <c r="R93" s="84" t="s">
        <v>135</v>
      </c>
      <c r="S93" s="33" t="s">
        <v>181</v>
      </c>
      <c r="T93" s="84" t="s">
        <v>136</v>
      </c>
      <c r="U93" s="33" t="s">
        <v>182</v>
      </c>
      <c r="V93" s="84" t="s">
        <v>137</v>
      </c>
    </row>
    <row r="94" spans="1:30" ht="72">
      <c r="A94" s="36"/>
      <c r="B94" s="37" t="s">
        <v>74</v>
      </c>
      <c r="C94" s="37" t="s">
        <v>159</v>
      </c>
      <c r="D94" s="86" t="s">
        <v>88</v>
      </c>
      <c r="E94" s="37" t="s">
        <v>160</v>
      </c>
      <c r="F94" s="86" t="s">
        <v>88</v>
      </c>
      <c r="G94" s="37" t="s">
        <v>161</v>
      </c>
      <c r="H94" s="86" t="s">
        <v>88</v>
      </c>
      <c r="I94" s="63" t="s">
        <v>74</v>
      </c>
      <c r="J94" s="63" t="s">
        <v>159</v>
      </c>
      <c r="K94" s="85" t="s">
        <v>88</v>
      </c>
      <c r="L94" s="63" t="s">
        <v>160</v>
      </c>
      <c r="M94" s="85" t="s">
        <v>88</v>
      </c>
      <c r="N94" s="63" t="s">
        <v>161</v>
      </c>
      <c r="O94" s="85" t="s">
        <v>88</v>
      </c>
      <c r="P94" s="37" t="s">
        <v>74</v>
      </c>
      <c r="Q94" s="37" t="s">
        <v>159</v>
      </c>
      <c r="R94" s="86" t="s">
        <v>88</v>
      </c>
      <c r="S94" s="37" t="s">
        <v>160</v>
      </c>
      <c r="T94" s="86" t="s">
        <v>88</v>
      </c>
      <c r="U94" s="37" t="s">
        <v>161</v>
      </c>
      <c r="V94" s="86" t="s">
        <v>88</v>
      </c>
    </row>
    <row r="95" spans="1:30">
      <c r="A95" s="40" t="s">
        <v>350</v>
      </c>
      <c r="B95" s="178">
        <v>13864</v>
      </c>
      <c r="C95" s="183">
        <v>0.36941685225473447</v>
      </c>
      <c r="D95" s="89">
        <v>8.1971291735852322E-3</v>
      </c>
      <c r="E95" s="183">
        <v>0.18191280805711105</v>
      </c>
      <c r="F95" s="89">
        <v>6.5529921928604217E-3</v>
      </c>
      <c r="G95" s="183">
        <v>0.4486703396881711</v>
      </c>
      <c r="H95" s="89">
        <v>8.4468303567892446E-3</v>
      </c>
      <c r="I95" s="178">
        <v>13874</v>
      </c>
      <c r="J95" s="183">
        <v>0.68703414810968599</v>
      </c>
      <c r="K95" s="89">
        <v>7.8727154349536518E-3</v>
      </c>
      <c r="L95" s="183">
        <v>0.10693583474896291</v>
      </c>
      <c r="M95" s="89">
        <v>5.2489435293593826E-3</v>
      </c>
      <c r="N95" s="183">
        <v>0.20603001714136485</v>
      </c>
      <c r="O95" s="89">
        <v>6.8675203366448962E-3</v>
      </c>
      <c r="P95" s="178">
        <v>13801</v>
      </c>
      <c r="Q95" s="183">
        <v>0.63243341264434283</v>
      </c>
      <c r="R95" s="89">
        <v>8.2072317890079828E-3</v>
      </c>
      <c r="S95" s="183">
        <v>0.11159186567701865</v>
      </c>
      <c r="T95" s="89">
        <v>5.3619862697563397E-3</v>
      </c>
      <c r="U95" s="183">
        <v>0.25597472167865454</v>
      </c>
      <c r="V95" s="89">
        <v>7.429224998737969E-3</v>
      </c>
    </row>
    <row r="96" spans="1:30">
      <c r="A96" s="44" t="s">
        <v>351</v>
      </c>
      <c r="B96" s="180">
        <v>10169</v>
      </c>
      <c r="C96" s="184">
        <v>0.29921799622467765</v>
      </c>
      <c r="D96" s="92">
        <v>9.0807897432153995E-3</v>
      </c>
      <c r="E96" s="184">
        <v>0.17364389363614335</v>
      </c>
      <c r="F96" s="92">
        <v>7.513556227539942E-3</v>
      </c>
      <c r="G96" s="184">
        <v>0.52713811013917389</v>
      </c>
      <c r="H96" s="92">
        <v>9.9000033665326351E-3</v>
      </c>
      <c r="I96" s="180">
        <v>10178</v>
      </c>
      <c r="J96" s="184">
        <v>0.67399356076051931</v>
      </c>
      <c r="K96" s="92">
        <v>9.2913305987163321E-3</v>
      </c>
      <c r="L96" s="184">
        <v>9.8012257373976036E-2</v>
      </c>
      <c r="M96" s="92">
        <v>5.8974672176965066E-3</v>
      </c>
      <c r="N96" s="184">
        <v>0.22799418186549908</v>
      </c>
      <c r="O96" s="92">
        <v>8.3168201397571546E-3</v>
      </c>
      <c r="P96" s="180">
        <v>10110</v>
      </c>
      <c r="Q96" s="184">
        <v>0.64785030239475649</v>
      </c>
      <c r="R96" s="92">
        <v>9.4991767243926203E-3</v>
      </c>
      <c r="S96" s="184">
        <v>9.3200115458179425E-2</v>
      </c>
      <c r="T96" s="92">
        <v>5.7858673099878671E-3</v>
      </c>
      <c r="U96" s="184">
        <v>0.25894958214705782</v>
      </c>
      <c r="V96" s="92">
        <v>8.7126847142486377E-3</v>
      </c>
    </row>
    <row r="97" spans="1:22">
      <c r="A97" s="40" t="s">
        <v>352</v>
      </c>
      <c r="B97" s="178">
        <v>3695</v>
      </c>
      <c r="C97" s="183">
        <v>0.4264237590466618</v>
      </c>
      <c r="D97" s="89">
        <v>1.6263517916383152E-2</v>
      </c>
      <c r="E97" s="183">
        <v>0.18862780685231045</v>
      </c>
      <c r="F97" s="89">
        <v>1.2873537070686917E-2</v>
      </c>
      <c r="G97" s="183">
        <v>0.38494843410102897</v>
      </c>
      <c r="H97" s="89">
        <v>1.6001883833632921E-2</v>
      </c>
      <c r="I97" s="178">
        <v>3696</v>
      </c>
      <c r="J97" s="183">
        <v>0.69762716992267959</v>
      </c>
      <c r="K97" s="89">
        <v>1.5104246853814672E-2</v>
      </c>
      <c r="L97" s="183">
        <v>0.11418456114849343</v>
      </c>
      <c r="M97" s="89">
        <v>1.0473550661158119E-2</v>
      </c>
      <c r="N97" s="183">
        <v>0.18818826892882773</v>
      </c>
      <c r="O97" s="89">
        <v>1.2860311892058386E-2</v>
      </c>
      <c r="P97" s="178">
        <v>3691</v>
      </c>
      <c r="Q97" s="183">
        <v>0.61996938191198347</v>
      </c>
      <c r="R97" s="89">
        <v>1.5971506831509177E-2</v>
      </c>
      <c r="S97" s="183">
        <v>0.12646096986470978</v>
      </c>
      <c r="T97" s="89">
        <v>1.0950523604734065E-2</v>
      </c>
      <c r="U97" s="183">
        <v>0.25356964822330663</v>
      </c>
      <c r="V97" s="89">
        <v>1.4319134386208946E-2</v>
      </c>
    </row>
    <row r="98" spans="1:22">
      <c r="A98" s="44" t="s">
        <v>555</v>
      </c>
      <c r="B98" s="180">
        <v>3606</v>
      </c>
      <c r="C98" s="184">
        <v>0.35058351839667684</v>
      </c>
      <c r="D98" s="92">
        <v>1.5884770731686808E-2</v>
      </c>
      <c r="E98" s="184">
        <v>0.18945473769943685</v>
      </c>
      <c r="F98" s="92">
        <v>1.3053278230106793E-2</v>
      </c>
      <c r="G98" s="184">
        <v>0.4599617439039031</v>
      </c>
      <c r="H98" s="92">
        <v>1.6590238045859539E-2</v>
      </c>
      <c r="I98" s="180">
        <v>3608</v>
      </c>
      <c r="J98" s="184">
        <v>0.66954545295160139</v>
      </c>
      <c r="K98" s="92">
        <v>1.5655410690560867E-2</v>
      </c>
      <c r="L98" s="184">
        <v>0.10874873289864072</v>
      </c>
      <c r="M98" s="92">
        <v>1.0378298577003038E-2</v>
      </c>
      <c r="N98" s="184">
        <v>0.2217058141497672</v>
      </c>
      <c r="O98" s="92">
        <v>1.3830319032446367E-2</v>
      </c>
      <c r="P98" s="180">
        <v>3582</v>
      </c>
      <c r="Q98" s="184">
        <v>0.62946396900439716</v>
      </c>
      <c r="R98" s="92">
        <v>1.6130963314091352E-2</v>
      </c>
      <c r="S98" s="184">
        <v>0.1148782398241654</v>
      </c>
      <c r="T98" s="92">
        <v>1.0667197444598759E-2</v>
      </c>
      <c r="U98" s="184">
        <v>0.25565779117144805</v>
      </c>
      <c r="V98" s="92">
        <v>1.4574462238222815E-2</v>
      </c>
    </row>
    <row r="99" spans="1:22">
      <c r="A99" s="40" t="s">
        <v>556</v>
      </c>
      <c r="B99" s="178">
        <v>2959</v>
      </c>
      <c r="C99" s="183">
        <v>0.25435232808505831</v>
      </c>
      <c r="D99" s="89">
        <v>1.6007930652511878E-2</v>
      </c>
      <c r="E99" s="183">
        <v>0.16886089611074065</v>
      </c>
      <c r="F99" s="89">
        <v>1.3779163407471899E-2</v>
      </c>
      <c r="G99" s="183">
        <v>0.57678677580419746</v>
      </c>
      <c r="H99" s="89">
        <v>1.8153717948980252E-2</v>
      </c>
      <c r="I99" s="178">
        <v>2957</v>
      </c>
      <c r="J99" s="183">
        <v>0.65965936107616019</v>
      </c>
      <c r="K99" s="89">
        <v>1.7417832905221614E-2</v>
      </c>
      <c r="L99" s="183">
        <v>9.3019882892215813E-2</v>
      </c>
      <c r="M99" s="89">
        <v>1.0703986580856507E-2</v>
      </c>
      <c r="N99" s="183">
        <v>0.24732075603162215</v>
      </c>
      <c r="O99" s="89">
        <v>1.5865254285473817E-2</v>
      </c>
      <c r="P99" s="178">
        <v>2935</v>
      </c>
      <c r="Q99" s="183">
        <v>0.6357467652420985</v>
      </c>
      <c r="R99" s="89">
        <v>1.775501273555237E-2</v>
      </c>
      <c r="S99" s="183">
        <v>9.0803796333557021E-2</v>
      </c>
      <c r="T99" s="89">
        <v>1.0629325410522155E-2</v>
      </c>
      <c r="U99" s="183">
        <v>0.27344943842434327</v>
      </c>
      <c r="V99" s="89">
        <v>1.6449556070452811E-2</v>
      </c>
    </row>
    <row r="100" spans="1:22">
      <c r="A100" s="44" t="s">
        <v>536</v>
      </c>
      <c r="B100" s="180">
        <v>329</v>
      </c>
      <c r="C100" s="184">
        <v>0.27431203910918184</v>
      </c>
      <c r="D100" s="92">
        <v>4.9048760438514097E-2</v>
      </c>
      <c r="E100" s="184">
        <v>0.14259037116332918</v>
      </c>
      <c r="F100" s="92">
        <v>3.8797045469466884E-2</v>
      </c>
      <c r="G100" s="184">
        <v>0.58309758972749148</v>
      </c>
      <c r="H100" s="92">
        <v>5.4055880902445119E-2</v>
      </c>
      <c r="I100" s="180">
        <v>332</v>
      </c>
      <c r="J100" s="184">
        <v>0.60516376029133345</v>
      </c>
      <c r="K100" s="92">
        <v>5.3363347460474421E-2</v>
      </c>
      <c r="L100" s="184">
        <v>8.5560138094244384E-2</v>
      </c>
      <c r="M100" s="92">
        <v>3.1302059820423667E-2</v>
      </c>
      <c r="N100" s="184">
        <v>0.30927610161442443</v>
      </c>
      <c r="O100" s="92">
        <v>5.0531146118361389E-2</v>
      </c>
      <c r="P100" s="180">
        <v>327</v>
      </c>
      <c r="Q100" s="184">
        <v>0.58228378163884953</v>
      </c>
      <c r="R100" s="92">
        <v>5.4233692707758345E-2</v>
      </c>
      <c r="S100" s="184">
        <v>0.11288031987304609</v>
      </c>
      <c r="T100" s="92">
        <v>3.5406743450454033E-2</v>
      </c>
      <c r="U100" s="184">
        <v>0.30483589848810649</v>
      </c>
      <c r="V100" s="92">
        <v>5.0714054346829851E-2</v>
      </c>
    </row>
    <row r="101" spans="1:22">
      <c r="A101" s="40" t="s">
        <v>537</v>
      </c>
      <c r="B101" s="178">
        <v>162</v>
      </c>
      <c r="C101" s="183">
        <v>0.27206719412435132</v>
      </c>
      <c r="D101" s="89">
        <v>6.9511244925582055E-2</v>
      </c>
      <c r="E101" s="183">
        <v>0.1411054749844825</v>
      </c>
      <c r="F101" s="89">
        <v>5.5390707396708545E-2</v>
      </c>
      <c r="G101" s="183">
        <v>0.58682733089116546</v>
      </c>
      <c r="H101" s="89">
        <v>7.649237489404237E-2</v>
      </c>
      <c r="I101" s="178">
        <v>163</v>
      </c>
      <c r="J101" s="183">
        <v>0.62837812219608491</v>
      </c>
      <c r="K101" s="89">
        <v>7.4912980862008968E-2</v>
      </c>
      <c r="L101" s="183">
        <v>6.7700383041411141E-2</v>
      </c>
      <c r="M101" s="89">
        <v>4.151683965466961E-2</v>
      </c>
      <c r="N101" s="183">
        <v>0.30392149476250335</v>
      </c>
      <c r="O101" s="89">
        <v>7.1489360990858258E-2</v>
      </c>
      <c r="P101" s="178">
        <v>160</v>
      </c>
      <c r="Q101" s="183">
        <v>0.54487110833267938</v>
      </c>
      <c r="R101" s="89">
        <v>7.7787013983017989E-2</v>
      </c>
      <c r="S101" s="183">
        <v>0.12748689615628161</v>
      </c>
      <c r="T101" s="89">
        <v>5.3629376634556809E-2</v>
      </c>
      <c r="U101" s="183">
        <v>0.32764199551103795</v>
      </c>
      <c r="V101" s="89">
        <v>7.3538472027766075E-2</v>
      </c>
    </row>
    <row r="102" spans="1:22">
      <c r="A102" s="44" t="s">
        <v>538</v>
      </c>
      <c r="B102" s="180">
        <v>88</v>
      </c>
      <c r="C102" s="184">
        <v>0.33047873077096951</v>
      </c>
      <c r="D102" s="92">
        <v>9.8622496063337076E-2</v>
      </c>
      <c r="E102" s="184">
        <v>9.510872674172223E-2</v>
      </c>
      <c r="F102" s="92">
        <v>6.5940863987157344E-2</v>
      </c>
      <c r="G102" s="184">
        <v>0.57441254248730789</v>
      </c>
      <c r="H102" s="92">
        <v>0.10319542543965987</v>
      </c>
      <c r="I102" s="180">
        <v>89</v>
      </c>
      <c r="J102" s="184">
        <v>0.45199355894440546</v>
      </c>
      <c r="K102" s="92">
        <v>0.10325651636370868</v>
      </c>
      <c r="L102" s="184">
        <v>0.18516348698641358</v>
      </c>
      <c r="M102" s="92">
        <v>8.2754002079140701E-2</v>
      </c>
      <c r="N102" s="184">
        <v>0.3628429540691806</v>
      </c>
      <c r="O102" s="92">
        <v>0.10005834538226545</v>
      </c>
      <c r="P102" s="180">
        <v>87</v>
      </c>
      <c r="Q102" s="184">
        <v>0.61941054671799156</v>
      </c>
      <c r="R102" s="92">
        <v>0.10205947394868597</v>
      </c>
      <c r="S102" s="184">
        <v>0.12399866050473549</v>
      </c>
      <c r="T102" s="92">
        <v>7.2862532405118988E-2</v>
      </c>
      <c r="U102" s="184">
        <v>0.25659079277727265</v>
      </c>
      <c r="V102" s="92">
        <v>9.278264847857641E-2</v>
      </c>
    </row>
    <row r="103" spans="1:22">
      <c r="A103" s="40" t="s">
        <v>539</v>
      </c>
      <c r="B103" s="178">
        <v>242</v>
      </c>
      <c r="C103" s="183">
        <v>0.24307927565161955</v>
      </c>
      <c r="D103" s="89">
        <v>5.5012326678080425E-2</v>
      </c>
      <c r="E103" s="183">
        <v>0.10228577809013735</v>
      </c>
      <c r="F103" s="89">
        <v>3.9699180116578782E-2</v>
      </c>
      <c r="G103" s="183">
        <v>0.65463494625824115</v>
      </c>
      <c r="H103" s="89">
        <v>6.0735242601426265E-2</v>
      </c>
      <c r="I103" s="178">
        <v>242</v>
      </c>
      <c r="J103" s="183">
        <v>0.51499260453336482</v>
      </c>
      <c r="K103" s="89">
        <v>6.372992714297547E-2</v>
      </c>
      <c r="L103" s="183">
        <v>0.14505210367826804</v>
      </c>
      <c r="M103" s="89">
        <v>4.5634791247586702E-2</v>
      </c>
      <c r="N103" s="183">
        <v>0.3399552917883652</v>
      </c>
      <c r="O103" s="89">
        <v>6.0514313939145657E-2</v>
      </c>
      <c r="P103" s="178">
        <v>241</v>
      </c>
      <c r="Q103" s="183">
        <v>0.62965952036375805</v>
      </c>
      <c r="R103" s="89">
        <v>6.1774161096248018E-2</v>
      </c>
      <c r="S103" s="183">
        <v>7.1879272148680479E-2</v>
      </c>
      <c r="T103" s="89">
        <v>3.4439815454256124E-2</v>
      </c>
      <c r="U103" s="183">
        <v>0.29846120748755917</v>
      </c>
      <c r="V103" s="89">
        <v>5.865117727230329E-2</v>
      </c>
    </row>
    <row r="104" spans="1:22">
      <c r="A104" s="44" t="s">
        <v>540</v>
      </c>
      <c r="B104" s="180">
        <v>82</v>
      </c>
      <c r="C104" s="184">
        <v>0.31895733593694353</v>
      </c>
      <c r="D104" s="92">
        <v>0.10120244946248939</v>
      </c>
      <c r="E104" s="184">
        <v>0.10975656330126964</v>
      </c>
      <c r="F104" s="92">
        <v>7.2029423096840475E-2</v>
      </c>
      <c r="G104" s="184">
        <v>0.57128610076178676</v>
      </c>
      <c r="H104" s="92">
        <v>0.10683175546036811</v>
      </c>
      <c r="I104" s="180">
        <v>81</v>
      </c>
      <c r="J104" s="184">
        <v>0.50115264171233687</v>
      </c>
      <c r="K104" s="92">
        <v>0.10846496718631765</v>
      </c>
      <c r="L104" s="184">
        <v>0.18633346960919264</v>
      </c>
      <c r="M104" s="92">
        <v>8.6949708555029995E-2</v>
      </c>
      <c r="N104" s="184">
        <v>0.31251388867847052</v>
      </c>
      <c r="O104" s="92">
        <v>0.10130430529904361</v>
      </c>
      <c r="P104" s="180">
        <v>82</v>
      </c>
      <c r="Q104" s="184">
        <v>0.67119979455074241</v>
      </c>
      <c r="R104" s="92">
        <v>0.10192420290277265</v>
      </c>
      <c r="S104" s="184">
        <v>9.8933850412362481E-2</v>
      </c>
      <c r="T104" s="92">
        <v>6.9470131120599438E-2</v>
      </c>
      <c r="U104" s="184">
        <v>0.22986635503689481</v>
      </c>
      <c r="V104" s="92">
        <v>9.2424214376394975E-2</v>
      </c>
    </row>
    <row r="105" spans="1:22">
      <c r="A105" s="40" t="s">
        <v>541</v>
      </c>
      <c r="B105" s="178">
        <v>90</v>
      </c>
      <c r="C105" s="183">
        <v>0.20615096159138613</v>
      </c>
      <c r="D105" s="89">
        <v>8.5264317448435545E-2</v>
      </c>
      <c r="E105" s="183">
        <v>0.14454478763588643</v>
      </c>
      <c r="F105" s="89">
        <v>7.556196825021308E-2</v>
      </c>
      <c r="G105" s="183">
        <v>0.64930425077272769</v>
      </c>
      <c r="H105" s="89">
        <v>9.8836862441231854E-2</v>
      </c>
      <c r="I105" s="178">
        <v>90</v>
      </c>
      <c r="J105" s="183">
        <v>0.48289229110355308</v>
      </c>
      <c r="K105" s="89">
        <v>0.10308676468086812</v>
      </c>
      <c r="L105" s="183">
        <v>0.19502493684999217</v>
      </c>
      <c r="M105" s="89">
        <v>8.3726382601869584E-2</v>
      </c>
      <c r="N105" s="183">
        <v>0.32208277204645486</v>
      </c>
      <c r="O105" s="89">
        <v>9.6971622122350207E-2</v>
      </c>
      <c r="P105" s="178">
        <v>89</v>
      </c>
      <c r="Q105" s="183">
        <v>0.65449094269723163</v>
      </c>
      <c r="R105" s="89">
        <v>9.905825585433814E-2</v>
      </c>
      <c r="S105" s="183">
        <v>4.5781906791308039E-3</v>
      </c>
      <c r="T105" s="89">
        <v>3.2932995944162283E-2</v>
      </c>
      <c r="U105" s="183">
        <v>0.3409308666236377</v>
      </c>
      <c r="V105" s="89">
        <v>9.8772422993769676E-2</v>
      </c>
    </row>
    <row r="106" spans="1:22">
      <c r="A106" s="44" t="s">
        <v>542</v>
      </c>
      <c r="B106" s="180">
        <v>70</v>
      </c>
      <c r="C106" s="184">
        <v>0.20394019942610087</v>
      </c>
      <c r="D106" s="92">
        <v>9.6301418321401128E-2</v>
      </c>
      <c r="E106" s="184">
        <v>4.6650637482520976E-2</v>
      </c>
      <c r="F106" s="92">
        <v>5.9771108854690003E-2</v>
      </c>
      <c r="G106" s="184">
        <v>0.74940916309137773</v>
      </c>
      <c r="H106" s="92">
        <v>0.10249276146625655</v>
      </c>
      <c r="I106" s="180">
        <v>71</v>
      </c>
      <c r="J106" s="184">
        <v>0.56510926563924235</v>
      </c>
      <c r="K106" s="92">
        <v>0.11458933246511936</v>
      </c>
      <c r="L106" s="184">
        <v>4.6381275741929996E-2</v>
      </c>
      <c r="M106" s="92">
        <v>5.9146618349685265E-2</v>
      </c>
      <c r="N106" s="184">
        <v>0.38850945861882713</v>
      </c>
      <c r="O106" s="92">
        <v>0.11286815530219026</v>
      </c>
      <c r="P106" s="180">
        <v>70</v>
      </c>
      <c r="Q106" s="184">
        <v>0.55848720575563127</v>
      </c>
      <c r="R106" s="92">
        <v>0.11553379358846536</v>
      </c>
      <c r="S106" s="184">
        <v>0.11825424169461524</v>
      </c>
      <c r="T106" s="92">
        <v>8.0404031175692989E-2</v>
      </c>
      <c r="U106" s="184">
        <v>0.32325855254975311</v>
      </c>
      <c r="V106" s="92">
        <v>0.10955640800771116</v>
      </c>
    </row>
    <row r="107" spans="1:22">
      <c r="A107" s="40" t="s">
        <v>543</v>
      </c>
      <c r="B107" s="178">
        <v>478</v>
      </c>
      <c r="C107" s="183">
        <v>0.25372592323100834</v>
      </c>
      <c r="D107" s="89">
        <v>3.9745200541323321E-2</v>
      </c>
      <c r="E107" s="183">
        <v>0.16272115061730885</v>
      </c>
      <c r="F107" s="89">
        <v>3.3856326504169358E-2</v>
      </c>
      <c r="G107" s="183">
        <v>0.58355292615168464</v>
      </c>
      <c r="H107" s="89">
        <v>4.4918949275741249E-2</v>
      </c>
      <c r="I107" s="178">
        <v>477</v>
      </c>
      <c r="J107" s="183">
        <v>0.721831789038757</v>
      </c>
      <c r="K107" s="89">
        <v>4.0945753359002655E-2</v>
      </c>
      <c r="L107" s="183">
        <v>6.2934423765621389E-2</v>
      </c>
      <c r="M107" s="89">
        <v>2.2731849921547302E-2</v>
      </c>
      <c r="N107" s="183">
        <v>0.21523378719562281</v>
      </c>
      <c r="O107" s="89">
        <v>3.7627268848543095E-2</v>
      </c>
      <c r="P107" s="178">
        <v>476</v>
      </c>
      <c r="Q107" s="183">
        <v>0.63327184276515136</v>
      </c>
      <c r="R107" s="89">
        <v>4.4020204221511691E-2</v>
      </c>
      <c r="S107" s="183">
        <v>9.1948700609819425E-2</v>
      </c>
      <c r="T107" s="89">
        <v>2.6810705553690663E-2</v>
      </c>
      <c r="U107" s="183">
        <v>0.27477945662503073</v>
      </c>
      <c r="V107" s="89">
        <v>4.0836828681095165E-2</v>
      </c>
    </row>
    <row r="108" spans="1:22">
      <c r="A108" s="44" t="s">
        <v>616</v>
      </c>
      <c r="B108" s="180">
        <v>247</v>
      </c>
      <c r="C108" s="184">
        <v>0.28463058696389121</v>
      </c>
      <c r="D108" s="92">
        <v>5.7168599473332297E-2</v>
      </c>
      <c r="E108" s="184">
        <v>0.16863824376855568</v>
      </c>
      <c r="F108" s="92">
        <v>4.7849552109528487E-2</v>
      </c>
      <c r="G108" s="184">
        <v>0.54673116926755039</v>
      </c>
      <c r="H108" s="92">
        <v>6.2851909227281719E-2</v>
      </c>
      <c r="I108" s="180">
        <v>247</v>
      </c>
      <c r="J108" s="184">
        <v>0.68770954130549611</v>
      </c>
      <c r="K108" s="92">
        <v>5.8654122038062521E-2</v>
      </c>
      <c r="L108" s="184">
        <v>7.001877494885296E-2</v>
      </c>
      <c r="M108" s="92">
        <v>3.3628366107742523E-2</v>
      </c>
      <c r="N108" s="184">
        <v>0.24227168374564859</v>
      </c>
      <c r="O108" s="92">
        <v>5.4396558018395109E-2</v>
      </c>
      <c r="P108" s="180">
        <v>245</v>
      </c>
      <c r="Q108" s="184">
        <v>0.59923883312975579</v>
      </c>
      <c r="R108" s="92">
        <v>6.2152232494781273E-2</v>
      </c>
      <c r="S108" s="184">
        <v>9.8085265676184544E-2</v>
      </c>
      <c r="T108" s="92">
        <v>3.8779109709896203E-2</v>
      </c>
      <c r="U108" s="184">
        <v>0.30267590119405713</v>
      </c>
      <c r="V108" s="92">
        <v>5.839955623850366E-2</v>
      </c>
    </row>
    <row r="109" spans="1:22">
      <c r="A109" s="52" t="s">
        <v>544</v>
      </c>
      <c r="B109" s="178">
        <v>231</v>
      </c>
      <c r="C109" s="183">
        <v>0.2257699721017955</v>
      </c>
      <c r="D109" s="89">
        <v>5.4940768991769119E-2</v>
      </c>
      <c r="E109" s="183">
        <v>0.15736862620892114</v>
      </c>
      <c r="F109" s="89">
        <v>4.8213390488385896E-2</v>
      </c>
      <c r="G109" s="183">
        <v>0.61686140168928194</v>
      </c>
      <c r="H109" s="89">
        <v>6.3487892798204312E-2</v>
      </c>
      <c r="I109" s="178">
        <v>230</v>
      </c>
      <c r="J109" s="183">
        <v>0.7528347586259726</v>
      </c>
      <c r="K109" s="89">
        <v>5.6725669095288707E-2</v>
      </c>
      <c r="L109" s="183">
        <v>5.6497687065394382E-2</v>
      </c>
      <c r="M109" s="89">
        <v>3.2018374742547803E-2</v>
      </c>
      <c r="N109" s="183">
        <v>0.19066755430863233</v>
      </c>
      <c r="O109" s="89">
        <v>5.1896809737112436E-2</v>
      </c>
      <c r="P109" s="178">
        <v>231</v>
      </c>
      <c r="Q109" s="183">
        <v>0.66394673792588432</v>
      </c>
      <c r="R109" s="89">
        <v>6.1751553503608621E-2</v>
      </c>
      <c r="S109" s="183">
        <v>8.6417644377224712E-2</v>
      </c>
      <c r="T109" s="89">
        <v>3.7974923168245356E-2</v>
      </c>
      <c r="U109" s="183">
        <v>0.24963561769688983</v>
      </c>
      <c r="V109" s="89">
        <v>5.6783782799616579E-2</v>
      </c>
    </row>
    <row r="110" spans="1:22">
      <c r="A110" s="44" t="s">
        <v>545</v>
      </c>
      <c r="B110" s="180">
        <v>112</v>
      </c>
      <c r="C110" s="184">
        <v>0.16644063011158239</v>
      </c>
      <c r="D110" s="92">
        <v>7.1021871552783708E-2</v>
      </c>
      <c r="E110" s="184">
        <v>0.25528917019126185</v>
      </c>
      <c r="F110" s="92">
        <v>8.1827255760380677E-2</v>
      </c>
      <c r="G110" s="184">
        <v>0.57827019969715543</v>
      </c>
      <c r="H110" s="92">
        <v>9.1781034327643091E-2</v>
      </c>
      <c r="I110" s="180">
        <v>111</v>
      </c>
      <c r="J110" s="184">
        <v>0.70444999395976982</v>
      </c>
      <c r="K110" s="92">
        <v>8.5680385153058161E-2</v>
      </c>
      <c r="L110" s="184">
        <v>6.3240015061613308E-2</v>
      </c>
      <c r="M110" s="92">
        <v>5.0140720366819345E-2</v>
      </c>
      <c r="N110" s="184">
        <v>0.23230999097861652</v>
      </c>
      <c r="O110" s="92">
        <v>7.983466946384464E-2</v>
      </c>
      <c r="P110" s="180">
        <v>110</v>
      </c>
      <c r="Q110" s="184">
        <v>0.60204531805943706</v>
      </c>
      <c r="R110" s="92">
        <v>9.1824525062582166E-2</v>
      </c>
      <c r="S110" s="184">
        <v>7.3488920557183063E-2</v>
      </c>
      <c r="T110" s="92">
        <v>5.3189522867916929E-2</v>
      </c>
      <c r="U110" s="184">
        <v>0.32446576138337951</v>
      </c>
      <c r="V110" s="92">
        <v>8.8121140919798793E-2</v>
      </c>
    </row>
    <row r="111" spans="1:22">
      <c r="A111" s="52" t="s">
        <v>546</v>
      </c>
      <c r="B111" s="178">
        <v>286</v>
      </c>
      <c r="C111" s="183">
        <v>0.2489806258470631</v>
      </c>
      <c r="D111" s="89">
        <v>5.1019335477038436E-2</v>
      </c>
      <c r="E111" s="183">
        <v>0.14777462821750528</v>
      </c>
      <c r="F111" s="89">
        <v>4.2236788056177879E-2</v>
      </c>
      <c r="G111" s="183">
        <v>0.60324474593543453</v>
      </c>
      <c r="H111" s="89">
        <v>5.7491534492600936E-2</v>
      </c>
      <c r="I111" s="178">
        <v>287</v>
      </c>
      <c r="J111" s="183">
        <v>0.54750329337583237</v>
      </c>
      <c r="K111" s="89">
        <v>5.8363129966366355E-2</v>
      </c>
      <c r="L111" s="183">
        <v>7.7938134860608826E-2</v>
      </c>
      <c r="M111" s="89">
        <v>3.2475703796205742E-2</v>
      </c>
      <c r="N111" s="183">
        <v>0.37455857176356139</v>
      </c>
      <c r="O111" s="89">
        <v>5.6798197956786818E-2</v>
      </c>
      <c r="P111" s="178">
        <v>284</v>
      </c>
      <c r="Q111" s="183">
        <v>0.6169054965550349</v>
      </c>
      <c r="R111" s="89">
        <v>5.7337948517002482E-2</v>
      </c>
      <c r="S111" s="183">
        <v>0.10266387993535425</v>
      </c>
      <c r="T111" s="89">
        <v>3.6605820243228303E-2</v>
      </c>
      <c r="U111" s="183">
        <v>0.28043062350961334</v>
      </c>
      <c r="V111" s="89">
        <v>5.3114025065205808E-2</v>
      </c>
    </row>
    <row r="112" spans="1:22">
      <c r="A112" s="44" t="s">
        <v>557</v>
      </c>
      <c r="B112" s="180">
        <v>110</v>
      </c>
      <c r="C112" s="184">
        <v>0.23084121798340074</v>
      </c>
      <c r="D112" s="92">
        <v>8.0032519521460205E-2</v>
      </c>
      <c r="E112" s="184">
        <v>0.11302560139618445</v>
      </c>
      <c r="F112" s="92">
        <v>6.2288284544505329E-2</v>
      </c>
      <c r="G112" s="184">
        <v>0.65613318062041559</v>
      </c>
      <c r="H112" s="92">
        <v>8.930592487065904E-2</v>
      </c>
      <c r="I112" s="180">
        <v>111</v>
      </c>
      <c r="J112" s="184">
        <v>0.48242780166659671</v>
      </c>
      <c r="K112" s="92">
        <v>9.3196813673755846E-2</v>
      </c>
      <c r="L112" s="184">
        <v>0.12522909014626468</v>
      </c>
      <c r="M112" s="92">
        <v>6.4375934046699015E-2</v>
      </c>
      <c r="N112" s="184">
        <v>0.3923431081871393</v>
      </c>
      <c r="O112" s="92">
        <v>9.1214459765406111E-2</v>
      </c>
      <c r="P112" s="180">
        <v>110</v>
      </c>
      <c r="Q112" s="184">
        <v>0.53618375971979282</v>
      </c>
      <c r="R112" s="92">
        <v>9.3429962856581533E-2</v>
      </c>
      <c r="S112" s="184">
        <v>0.14810299617554143</v>
      </c>
      <c r="T112" s="92">
        <v>6.8749730131374295E-2</v>
      </c>
      <c r="U112" s="184">
        <v>0.3157132441046665</v>
      </c>
      <c r="V112" s="92">
        <v>8.7535426532321825E-2</v>
      </c>
    </row>
    <row r="113" spans="1:28">
      <c r="A113" s="52" t="s">
        <v>558</v>
      </c>
      <c r="B113" s="178">
        <v>113</v>
      </c>
      <c r="C113" s="183">
        <v>0.27757763108480227</v>
      </c>
      <c r="D113" s="89">
        <v>8.3482563251828512E-2</v>
      </c>
      <c r="E113" s="183">
        <v>0.15413537907120958</v>
      </c>
      <c r="F113" s="89">
        <v>6.8791062785698062E-2</v>
      </c>
      <c r="G113" s="183">
        <v>0.56828698984398851</v>
      </c>
      <c r="H113" s="89">
        <v>9.1642240475693068E-2</v>
      </c>
      <c r="I113" s="178">
        <v>113</v>
      </c>
      <c r="J113" s="183">
        <v>0.55939319567791645</v>
      </c>
      <c r="K113" s="89">
        <v>9.1839608486615321E-2</v>
      </c>
      <c r="L113" s="183">
        <v>4.5834568266668534E-2</v>
      </c>
      <c r="M113" s="89">
        <v>4.4374608375620052E-2</v>
      </c>
      <c r="N113" s="183">
        <v>0.39477223605541517</v>
      </c>
      <c r="O113" s="89">
        <v>9.0520110742403723E-2</v>
      </c>
      <c r="P113" s="178">
        <v>111</v>
      </c>
      <c r="Q113" s="183">
        <v>0.6783948933199726</v>
      </c>
      <c r="R113" s="89">
        <v>8.7546391047932812E-2</v>
      </c>
      <c r="S113" s="183">
        <v>2.5815877991901132E-2</v>
      </c>
      <c r="T113" s="89">
        <v>3.7541474837568777E-2</v>
      </c>
      <c r="U113" s="183">
        <v>0.29578922868812635</v>
      </c>
      <c r="V113" s="89">
        <v>8.5698870151299761E-2</v>
      </c>
    </row>
    <row r="114" spans="1:28">
      <c r="A114" s="44" t="s">
        <v>549</v>
      </c>
      <c r="B114" s="180">
        <v>63</v>
      </c>
      <c r="C114" s="184">
        <v>0.23322460741666717</v>
      </c>
      <c r="D114" s="92">
        <v>0.10568187359364693</v>
      </c>
      <c r="E114" s="184">
        <v>0.19729350460556064</v>
      </c>
      <c r="F114" s="92">
        <v>0.10044177666484146</v>
      </c>
      <c r="G114" s="184">
        <v>0.56948188797777222</v>
      </c>
      <c r="H114" s="92">
        <v>0.12112199489942403</v>
      </c>
      <c r="I114" s="180">
        <v>63</v>
      </c>
      <c r="J114" s="184">
        <v>0.64239234723742256</v>
      </c>
      <c r="K114" s="92">
        <v>0.11770773739971824</v>
      </c>
      <c r="L114" s="184">
        <v>4.7043812838016404E-2</v>
      </c>
      <c r="M114" s="92">
        <v>6.3994982000520687E-2</v>
      </c>
      <c r="N114" s="184">
        <v>0.31056383992456099</v>
      </c>
      <c r="O114" s="92">
        <v>0.11415384650499205</v>
      </c>
      <c r="P114" s="180">
        <v>63</v>
      </c>
      <c r="Q114" s="184">
        <v>0.65953496615225593</v>
      </c>
      <c r="R114" s="92">
        <v>0.11654141605035696</v>
      </c>
      <c r="S114" s="184">
        <v>0.14799616058275963</v>
      </c>
      <c r="T114" s="92">
        <v>9.1568909055064804E-2</v>
      </c>
      <c r="U114" s="184">
        <v>0.19246887326498474</v>
      </c>
      <c r="V114" s="92">
        <v>9.9665140350025244E-2</v>
      </c>
    </row>
    <row r="115" spans="1:28">
      <c r="A115" s="52" t="s">
        <v>550</v>
      </c>
      <c r="B115" s="178">
        <v>162</v>
      </c>
      <c r="C115" s="183">
        <v>0.20674639618511634</v>
      </c>
      <c r="D115" s="89">
        <v>6.3643748089388996E-2</v>
      </c>
      <c r="E115" s="183">
        <v>0.18133558778969877</v>
      </c>
      <c r="F115" s="89">
        <v>6.0775681220640275E-2</v>
      </c>
      <c r="G115" s="183">
        <v>0.61191801602518492</v>
      </c>
      <c r="H115" s="89">
        <v>7.574063706345209E-2</v>
      </c>
      <c r="I115" s="178">
        <v>161</v>
      </c>
      <c r="J115" s="183">
        <v>0.68101247047374669</v>
      </c>
      <c r="K115" s="89">
        <v>7.2830872642001943E-2</v>
      </c>
      <c r="L115" s="183">
        <v>0.10676732760170365</v>
      </c>
      <c r="M115" s="89">
        <v>4.9914956729776624E-2</v>
      </c>
      <c r="N115" s="183">
        <v>0.21222020192454935</v>
      </c>
      <c r="O115" s="89">
        <v>6.4413342591397402E-2</v>
      </c>
      <c r="P115" s="178">
        <v>159</v>
      </c>
      <c r="Q115" s="183">
        <v>0.673206925047524</v>
      </c>
      <c r="R115" s="89">
        <v>7.3718702383952533E-2</v>
      </c>
      <c r="S115" s="183">
        <v>0.12728000469516826</v>
      </c>
      <c r="T115" s="89">
        <v>5.3769404409169143E-2</v>
      </c>
      <c r="U115" s="183">
        <v>0.19951307025730725</v>
      </c>
      <c r="V115" s="89">
        <v>6.345565265711936E-2</v>
      </c>
    </row>
    <row r="116" spans="1:28">
      <c r="A116" s="44" t="s">
        <v>551</v>
      </c>
      <c r="B116" s="180">
        <v>671</v>
      </c>
      <c r="C116" s="184">
        <v>0.41545855517897951</v>
      </c>
      <c r="D116" s="92">
        <v>3.7942428227278745E-2</v>
      </c>
      <c r="E116" s="184">
        <v>0.20479308740080857</v>
      </c>
      <c r="F116" s="92">
        <v>3.1163385278339402E-2</v>
      </c>
      <c r="G116" s="184">
        <v>0.37974835742021462</v>
      </c>
      <c r="H116" s="92">
        <v>3.737382073296161E-2</v>
      </c>
      <c r="I116" s="180">
        <v>675</v>
      </c>
      <c r="J116" s="184">
        <v>0.67624072060895657</v>
      </c>
      <c r="K116" s="92">
        <v>3.5943343546610815E-2</v>
      </c>
      <c r="L116" s="184">
        <v>0.11861466963192589</v>
      </c>
      <c r="M116" s="92">
        <v>2.5018865897497789E-2</v>
      </c>
      <c r="N116" s="184">
        <v>0.20514460975912449</v>
      </c>
      <c r="O116" s="92">
        <v>3.1090310568612469E-2</v>
      </c>
      <c r="P116" s="180">
        <v>671</v>
      </c>
      <c r="Q116" s="184">
        <v>0.62126940605309389</v>
      </c>
      <c r="R116" s="92">
        <v>3.7354558350708791E-2</v>
      </c>
      <c r="S116" s="184">
        <v>0.13316289708250831</v>
      </c>
      <c r="T116" s="92">
        <v>2.633355404757837E-2</v>
      </c>
      <c r="U116" s="184">
        <v>0.24556769686440344</v>
      </c>
      <c r="V116" s="92">
        <v>3.3202335383659999E-2</v>
      </c>
    </row>
    <row r="119" spans="1:28" ht="18.75">
      <c r="A119" s="284" t="s">
        <v>464</v>
      </c>
      <c r="B119" s="284"/>
      <c r="C119" s="284"/>
      <c r="D119" s="284"/>
      <c r="E119" s="284"/>
      <c r="F119" s="284"/>
      <c r="G119" s="284"/>
      <c r="H119" s="284"/>
      <c r="I119" s="284"/>
      <c r="J119" s="284"/>
      <c r="K119" s="284"/>
      <c r="L119" s="284"/>
      <c r="M119" s="285"/>
      <c r="N119" s="224"/>
      <c r="O119" s="224"/>
      <c r="P119" s="224"/>
      <c r="Q119" s="224"/>
      <c r="R119" s="224"/>
      <c r="S119" s="224"/>
      <c r="T119" s="224"/>
      <c r="U119" s="224"/>
      <c r="V119" s="224"/>
      <c r="W119" s="224"/>
      <c r="X119" s="224"/>
      <c r="Y119" s="224"/>
      <c r="Z119" s="224"/>
      <c r="AA119" s="224"/>
      <c r="AB119" s="242"/>
    </row>
    <row r="120" spans="1:28" ht="57" customHeight="1">
      <c r="A120" s="406" t="s">
        <v>601</v>
      </c>
      <c r="B120" s="406"/>
      <c r="C120" s="406"/>
      <c r="D120" s="406"/>
      <c r="E120" s="406"/>
      <c r="F120" s="406"/>
      <c r="G120" s="406"/>
      <c r="H120" s="406"/>
      <c r="I120" s="406"/>
      <c r="J120" s="406"/>
      <c r="K120" s="406"/>
      <c r="L120" s="406"/>
      <c r="M120" s="285"/>
      <c r="N120" s="239"/>
      <c r="O120" s="239"/>
      <c r="P120" s="239"/>
      <c r="Q120" s="239"/>
      <c r="R120" s="239"/>
      <c r="S120" s="239"/>
      <c r="T120" s="239"/>
      <c r="U120" s="239"/>
      <c r="V120" s="239"/>
      <c r="W120" s="239"/>
      <c r="X120" s="239"/>
      <c r="Y120" s="239"/>
      <c r="Z120" s="239"/>
      <c r="AA120" s="239"/>
      <c r="AB120" s="242"/>
    </row>
    <row r="121" spans="1:28" ht="38.25" customHeight="1">
      <c r="A121" s="410" t="s">
        <v>235</v>
      </c>
      <c r="B121" s="411"/>
      <c r="C121" s="411"/>
      <c r="D121" s="411"/>
      <c r="E121" s="411"/>
      <c r="F121" s="411"/>
      <c r="G121" s="411"/>
      <c r="H121" s="411"/>
      <c r="I121" s="411"/>
      <c r="J121" s="411"/>
      <c r="K121" s="411"/>
      <c r="L121" s="411"/>
      <c r="M121" s="237"/>
      <c r="N121" s="242"/>
      <c r="O121" s="242"/>
      <c r="P121" s="242"/>
      <c r="Q121" s="242"/>
      <c r="R121" s="242"/>
      <c r="S121" s="242"/>
      <c r="T121" s="242"/>
      <c r="U121" s="242"/>
      <c r="V121" s="242"/>
      <c r="W121" s="242"/>
      <c r="X121" s="242"/>
      <c r="Y121" s="242"/>
      <c r="Z121" s="242"/>
      <c r="AA121" s="242"/>
      <c r="AB121" s="242"/>
    </row>
    <row r="122" spans="1:28" ht="72">
      <c r="A122" s="32" t="s">
        <v>71</v>
      </c>
      <c r="B122" s="33" t="s">
        <v>72</v>
      </c>
      <c r="C122" s="34" t="s">
        <v>592</v>
      </c>
      <c r="D122" s="35" t="s">
        <v>73</v>
      </c>
      <c r="E122" s="33" t="s">
        <v>470</v>
      </c>
      <c r="F122" s="84" t="s">
        <v>469</v>
      </c>
      <c r="G122" s="33" t="s">
        <v>465</v>
      </c>
      <c r="H122" s="84" t="s">
        <v>468</v>
      </c>
      <c r="I122" s="33" t="s">
        <v>466</v>
      </c>
      <c r="J122" s="84" t="s">
        <v>467</v>
      </c>
      <c r="K122" s="33" t="s">
        <v>301</v>
      </c>
      <c r="L122" s="84" t="s">
        <v>300</v>
      </c>
      <c r="M122" s="237"/>
      <c r="N122" s="241"/>
      <c r="O122" s="237"/>
      <c r="P122" s="241"/>
      <c r="Q122" s="237"/>
    </row>
    <row r="123" spans="1:28" ht="72">
      <c r="A123" s="36"/>
      <c r="B123" s="37" t="s">
        <v>74</v>
      </c>
      <c r="C123" s="123" t="s">
        <v>304</v>
      </c>
      <c r="D123" s="39" t="s">
        <v>76</v>
      </c>
      <c r="E123" s="37" t="s">
        <v>159</v>
      </c>
      <c r="F123" s="86" t="s">
        <v>88</v>
      </c>
      <c r="G123" s="37" t="s">
        <v>160</v>
      </c>
      <c r="H123" s="86" t="s">
        <v>88</v>
      </c>
      <c r="I123" s="37" t="s">
        <v>161</v>
      </c>
      <c r="J123" s="86" t="s">
        <v>88</v>
      </c>
      <c r="K123" s="37" t="s">
        <v>301</v>
      </c>
      <c r="L123" s="86" t="s">
        <v>88</v>
      </c>
    </row>
    <row r="124" spans="1:28">
      <c r="A124" s="40" t="s">
        <v>350</v>
      </c>
      <c r="B124" s="178">
        <v>13842</v>
      </c>
      <c r="C124" s="179">
        <v>5.1036555153933705</v>
      </c>
      <c r="D124" s="80">
        <v>2.5613062985244635E-2</v>
      </c>
      <c r="E124" s="183">
        <v>0.14001098066140449</v>
      </c>
      <c r="F124" s="89">
        <v>5.8997051367260427E-3</v>
      </c>
      <c r="G124" s="183">
        <v>0.15466386656429337</v>
      </c>
      <c r="H124" s="89">
        <v>6.1473986241741526E-3</v>
      </c>
      <c r="I124" s="183">
        <v>0.66939583980021322</v>
      </c>
      <c r="J124" s="89">
        <v>7.9961283884657681E-3</v>
      </c>
      <c r="K124" s="88">
        <v>3.5929312974102921E-2</v>
      </c>
      <c r="L124" s="89">
        <v>3.1690222023489788E-3</v>
      </c>
    </row>
    <row r="125" spans="1:28">
      <c r="A125" s="44" t="s">
        <v>351</v>
      </c>
      <c r="B125" s="180">
        <v>10160</v>
      </c>
      <c r="C125" s="181">
        <v>5.218333162847518</v>
      </c>
      <c r="D125" s="182">
        <v>2.9704039142234386E-2</v>
      </c>
      <c r="E125" s="184">
        <v>0.13618665266714181</v>
      </c>
      <c r="F125" s="92">
        <v>6.8071774798117296E-3</v>
      </c>
      <c r="G125" s="184">
        <v>0.13327815911204455</v>
      </c>
      <c r="H125" s="92">
        <v>6.7455269637586761E-3</v>
      </c>
      <c r="I125" s="184">
        <v>0.70609292582147842</v>
      </c>
      <c r="J125" s="92">
        <v>9.037921998252799E-3</v>
      </c>
      <c r="K125" s="91">
        <v>2.4442262399327314E-2</v>
      </c>
      <c r="L125" s="92">
        <v>3.0747481783533668E-3</v>
      </c>
    </row>
    <row r="126" spans="1:28">
      <c r="A126" s="40" t="s">
        <v>352</v>
      </c>
      <c r="B126" s="178">
        <v>3682</v>
      </c>
      <c r="C126" s="179">
        <v>5.0081588290137242</v>
      </c>
      <c r="D126" s="80">
        <v>5.0009313275332423E-2</v>
      </c>
      <c r="E126" s="183">
        <v>0.14312759363084968</v>
      </c>
      <c r="F126" s="89">
        <v>1.1549433724983587E-2</v>
      </c>
      <c r="G126" s="183">
        <v>0.17209201951208292</v>
      </c>
      <c r="H126" s="89">
        <v>1.2444542034473358E-2</v>
      </c>
      <c r="I126" s="183">
        <v>0.63948977149054964</v>
      </c>
      <c r="J126" s="89">
        <v>1.581858665445654E-2</v>
      </c>
      <c r="K126" s="88">
        <v>4.5290615366517697E-2</v>
      </c>
      <c r="L126" s="89">
        <v>6.8854577150971779E-3</v>
      </c>
    </row>
    <row r="127" spans="1:28">
      <c r="A127" s="44" t="s">
        <v>555</v>
      </c>
      <c r="B127" s="180">
        <v>3600</v>
      </c>
      <c r="C127" s="181">
        <v>5.1074997357539349</v>
      </c>
      <c r="D127" s="182">
        <v>4.9083053331808311E-2</v>
      </c>
      <c r="E127" s="184">
        <v>0.13696257613491633</v>
      </c>
      <c r="F127" s="92">
        <v>1.1468057352801446E-2</v>
      </c>
      <c r="G127" s="184">
        <v>0.16157936742628515</v>
      </c>
      <c r="H127" s="92">
        <v>1.227349995032365E-2</v>
      </c>
      <c r="I127" s="184">
        <v>0.67364978580664114</v>
      </c>
      <c r="J127" s="92">
        <v>1.5622938037082547E-2</v>
      </c>
      <c r="K127" s="91">
        <v>2.7808270632165052E-2</v>
      </c>
      <c r="L127" s="92">
        <v>5.5276144606612272E-3</v>
      </c>
    </row>
    <row r="128" spans="1:28">
      <c r="A128" s="40" t="s">
        <v>556</v>
      </c>
      <c r="B128" s="178">
        <v>2957</v>
      </c>
      <c r="C128" s="179">
        <v>5.3440707808953816</v>
      </c>
      <c r="D128" s="80">
        <v>5.3062218926271248E-2</v>
      </c>
      <c r="E128" s="183">
        <v>0.10820355101407818</v>
      </c>
      <c r="F128" s="89">
        <v>1.1441819361313804E-2</v>
      </c>
      <c r="G128" s="183">
        <v>0.13475753968409285</v>
      </c>
      <c r="H128" s="89">
        <v>1.2569731260313575E-2</v>
      </c>
      <c r="I128" s="183">
        <v>0.73969116643487864</v>
      </c>
      <c r="J128" s="89">
        <v>1.6134493110304422E-2</v>
      </c>
      <c r="K128" s="88">
        <v>1.7347742866948623E-2</v>
      </c>
      <c r="L128" s="89">
        <v>4.8865223711088996E-3</v>
      </c>
    </row>
    <row r="129" spans="1:12">
      <c r="A129" s="44" t="s">
        <v>536</v>
      </c>
      <c r="B129" s="180">
        <v>330</v>
      </c>
      <c r="C129" s="181">
        <v>5.5103640230034161</v>
      </c>
      <c r="D129" s="182">
        <v>0.15365498124385552</v>
      </c>
      <c r="E129" s="184">
        <v>8.255751089120103E-2</v>
      </c>
      <c r="F129" s="92">
        <v>3.0931762842040411E-2</v>
      </c>
      <c r="G129" s="184">
        <v>0.13589448817504376</v>
      </c>
      <c r="H129" s="92">
        <v>3.8001506254637996E-2</v>
      </c>
      <c r="I129" s="184">
        <v>0.78139986144469165</v>
      </c>
      <c r="J129" s="92">
        <v>4.5478089548419816E-2</v>
      </c>
      <c r="K129" s="91">
        <v>1.4813948906373004E-4</v>
      </c>
      <c r="L129" s="92">
        <v>8.5448857718229028E-3</v>
      </c>
    </row>
    <row r="130" spans="1:12">
      <c r="A130" s="40" t="s">
        <v>537</v>
      </c>
      <c r="B130" s="178">
        <v>164</v>
      </c>
      <c r="C130" s="179">
        <v>5.6762242385167001</v>
      </c>
      <c r="D130" s="80">
        <v>0.19623260235454576</v>
      </c>
      <c r="E130" s="183">
        <v>6.7206944257876489E-2</v>
      </c>
      <c r="F130" s="89">
        <v>4.1260929825402144E-2</v>
      </c>
      <c r="G130" s="183">
        <v>9.9959997716512775E-2</v>
      </c>
      <c r="H130" s="89">
        <v>4.8180673628494201E-2</v>
      </c>
      <c r="I130" s="183">
        <v>0.83257932876607965</v>
      </c>
      <c r="J130" s="89">
        <v>5.8674928179341036E-2</v>
      </c>
      <c r="K130" s="88">
        <v>2.537292595308198E-4</v>
      </c>
      <c r="L130" s="89">
        <v>1.6906442805890907E-2</v>
      </c>
    </row>
    <row r="131" spans="1:12">
      <c r="A131" s="44" t="s">
        <v>538</v>
      </c>
      <c r="B131" s="180">
        <v>87</v>
      </c>
      <c r="C131" s="181">
        <v>5.1049960836440782</v>
      </c>
      <c r="D131" s="182">
        <v>0.33793103448275857</v>
      </c>
      <c r="E131" s="184">
        <v>0.11739026984945961</v>
      </c>
      <c r="F131" s="92">
        <v>7.1467019229588369E-2</v>
      </c>
      <c r="G131" s="184">
        <v>0.22705190920574153</v>
      </c>
      <c r="H131" s="92">
        <v>8.9419348665337989E-2</v>
      </c>
      <c r="I131" s="184">
        <v>0.65555782094479864</v>
      </c>
      <c r="J131" s="92">
        <v>0.10008399275559932</v>
      </c>
      <c r="K131" s="91">
        <v>0</v>
      </c>
      <c r="L131" s="92">
        <v>3.0738162934200789E-2</v>
      </c>
    </row>
    <row r="132" spans="1:12">
      <c r="A132" s="40" t="s">
        <v>539</v>
      </c>
      <c r="B132" s="178">
        <v>244</v>
      </c>
      <c r="C132" s="179">
        <v>5.2430612729299106</v>
      </c>
      <c r="D132" s="80">
        <v>0.20793406589309832</v>
      </c>
      <c r="E132" s="183">
        <v>0.1425534842578319</v>
      </c>
      <c r="F132" s="89">
        <v>4.5137835293531589E-2</v>
      </c>
      <c r="G132" s="183">
        <v>0.12225839842760443</v>
      </c>
      <c r="H132" s="89">
        <v>4.2479031723929812E-2</v>
      </c>
      <c r="I132" s="183">
        <v>0.73067260583873006</v>
      </c>
      <c r="J132" s="89">
        <v>5.6581764047884266E-2</v>
      </c>
      <c r="K132" s="88">
        <v>4.5155114758312536E-3</v>
      </c>
      <c r="L132" s="89">
        <v>1.4114032598257231E-2</v>
      </c>
    </row>
    <row r="133" spans="1:12">
      <c r="A133" s="44" t="s">
        <v>540</v>
      </c>
      <c r="B133" s="180">
        <v>82</v>
      </c>
      <c r="C133" s="181">
        <v>4.6646116710306877</v>
      </c>
      <c r="D133" s="182">
        <v>0.39080377258084448</v>
      </c>
      <c r="E133" s="184">
        <v>0.21492634279941189</v>
      </c>
      <c r="F133" s="92">
        <v>9.050682167046506E-2</v>
      </c>
      <c r="G133" s="184">
        <v>0.20514170002622678</v>
      </c>
      <c r="H133" s="92">
        <v>8.9171398456567963E-2</v>
      </c>
      <c r="I133" s="184">
        <v>0.57993195717436119</v>
      </c>
      <c r="J133" s="92">
        <v>0.1065726953511508</v>
      </c>
      <c r="K133" s="91">
        <v>0</v>
      </c>
      <c r="L133" s="92">
        <v>3.2504011252172456E-2</v>
      </c>
    </row>
    <row r="134" spans="1:12">
      <c r="A134" s="40" t="s">
        <v>541</v>
      </c>
      <c r="B134" s="178">
        <v>91</v>
      </c>
      <c r="C134" s="179">
        <v>5.4945302675651106</v>
      </c>
      <c r="D134" s="80">
        <v>0.31452382008216734</v>
      </c>
      <c r="E134" s="183">
        <v>0.11506784128487939</v>
      </c>
      <c r="F134" s="89">
        <v>6.929486995647105E-2</v>
      </c>
      <c r="G134" s="183">
        <v>5.7925034730850103E-2</v>
      </c>
      <c r="H134" s="89">
        <v>5.4552936032016636E-2</v>
      </c>
      <c r="I134" s="183">
        <v>0.82700712398427045</v>
      </c>
      <c r="J134" s="89">
        <v>7.9968863125342238E-2</v>
      </c>
      <c r="K134" s="88">
        <v>0</v>
      </c>
      <c r="L134" s="89">
        <v>2.9457850911392545E-2</v>
      </c>
    </row>
    <row r="135" spans="1:12">
      <c r="A135" s="44" t="s">
        <v>542</v>
      </c>
      <c r="B135" s="180">
        <v>71</v>
      </c>
      <c r="C135" s="181">
        <v>5.572197198225842</v>
      </c>
      <c r="D135" s="182">
        <v>0.35367749167276963</v>
      </c>
      <c r="E135" s="184">
        <v>9.7508111393746738E-2</v>
      </c>
      <c r="F135" s="92">
        <v>7.4768781569792386E-2</v>
      </c>
      <c r="G135" s="184">
        <v>0.10747270210890386</v>
      </c>
      <c r="H135" s="92">
        <v>7.7259392525063461E-2</v>
      </c>
      <c r="I135" s="184">
        <v>0.78071463552230713</v>
      </c>
      <c r="J135" s="92">
        <v>9.7810853624084107E-2</v>
      </c>
      <c r="K135" s="91">
        <v>1.4304550975042114E-2</v>
      </c>
      <c r="L135" s="92">
        <v>4.5367595015845787E-2</v>
      </c>
    </row>
    <row r="136" spans="1:12">
      <c r="A136" s="40" t="s">
        <v>543</v>
      </c>
      <c r="B136" s="178">
        <v>473</v>
      </c>
      <c r="C136" s="179">
        <v>5.2915257913270048</v>
      </c>
      <c r="D136" s="80">
        <v>0.137681101589084</v>
      </c>
      <c r="E136" s="183">
        <v>0.13466748273643644</v>
      </c>
      <c r="F136" s="89">
        <v>3.1557902690905762E-2</v>
      </c>
      <c r="G136" s="183">
        <v>0.11682240560665701</v>
      </c>
      <c r="H136" s="89">
        <v>2.9761748734373233E-2</v>
      </c>
      <c r="I136" s="183">
        <v>0.72064114070245955</v>
      </c>
      <c r="J136" s="89">
        <v>4.1170560185165822E-2</v>
      </c>
      <c r="K136" s="88">
        <v>2.7868970954448041E-2</v>
      </c>
      <c r="L136" s="89">
        <v>1.607506251292222E-2</v>
      </c>
    </row>
    <row r="137" spans="1:12">
      <c r="A137" s="44" t="s">
        <v>616</v>
      </c>
      <c r="B137" s="180">
        <v>243</v>
      </c>
      <c r="C137" s="181">
        <v>5.1152342450270671</v>
      </c>
      <c r="D137" s="182">
        <v>0.19897974243216376</v>
      </c>
      <c r="E137" s="184">
        <v>0.17326128698922039</v>
      </c>
      <c r="F137" s="92">
        <v>4.8736517152984368E-2</v>
      </c>
      <c r="G137" s="184">
        <v>0.14234030922673283</v>
      </c>
      <c r="H137" s="92">
        <v>4.5205633673468137E-2</v>
      </c>
      <c r="I137" s="184">
        <v>0.66471167546784071</v>
      </c>
      <c r="J137" s="92">
        <v>6.0194240426491345E-2</v>
      </c>
      <c r="K137" s="91">
        <v>1.9686728316203505E-2</v>
      </c>
      <c r="L137" s="92">
        <v>2.0798143106759273E-2</v>
      </c>
    </row>
    <row r="138" spans="1:12">
      <c r="A138" s="52" t="s">
        <v>544</v>
      </c>
      <c r="B138" s="178">
        <v>230</v>
      </c>
      <c r="C138" s="179">
        <v>5.4514515683652629</v>
      </c>
      <c r="D138" s="80">
        <v>0.18800013331950563</v>
      </c>
      <c r="E138" s="183">
        <v>0.10020960492755077</v>
      </c>
      <c r="F138" s="89">
        <v>4.0421981477382671E-2</v>
      </c>
      <c r="G138" s="183">
        <v>9.403914228490054E-2</v>
      </c>
      <c r="H138" s="89">
        <v>3.9393252395571836E-2</v>
      </c>
      <c r="I138" s="183">
        <v>0.77057689376654437</v>
      </c>
      <c r="J138" s="89">
        <v>5.5357381409373116E-2</v>
      </c>
      <c r="K138" s="88">
        <v>3.5174359021003694E-2</v>
      </c>
      <c r="L138" s="89">
        <v>2.6557711309118274E-2</v>
      </c>
    </row>
    <row r="139" spans="1:12">
      <c r="A139" s="44" t="s">
        <v>545</v>
      </c>
      <c r="B139" s="180">
        <v>112</v>
      </c>
      <c r="C139" s="181">
        <v>5.6598190187787436</v>
      </c>
      <c r="D139" s="182">
        <v>0.24150963700975739</v>
      </c>
      <c r="E139" s="184">
        <v>8.7136579666853717E-2</v>
      </c>
      <c r="F139" s="92">
        <v>5.6046998028772353E-2</v>
      </c>
      <c r="G139" s="184">
        <v>6.8678799357758835E-2</v>
      </c>
      <c r="H139" s="92">
        <v>5.1384626986811698E-2</v>
      </c>
      <c r="I139" s="184">
        <v>0.82918104227191103</v>
      </c>
      <c r="J139" s="92">
        <v>7.1675540240588892E-2</v>
      </c>
      <c r="K139" s="91">
        <v>1.5003578703476279E-2</v>
      </c>
      <c r="L139" s="92">
        <v>3.2547553040454334E-2</v>
      </c>
    </row>
    <row r="140" spans="1:12">
      <c r="A140" s="52" t="s">
        <v>546</v>
      </c>
      <c r="B140" s="178">
        <v>288</v>
      </c>
      <c r="C140" s="179">
        <v>5.0000063147759191</v>
      </c>
      <c r="D140" s="80">
        <v>0.19057031227403207</v>
      </c>
      <c r="E140" s="183">
        <v>0.13544435183436199</v>
      </c>
      <c r="F140" s="89">
        <v>4.0664911770057051E-2</v>
      </c>
      <c r="G140" s="183">
        <v>0.19228253719275304</v>
      </c>
      <c r="H140" s="89">
        <v>4.6506214321997086E-2</v>
      </c>
      <c r="I140" s="183">
        <v>0.66025406140179865</v>
      </c>
      <c r="J140" s="89">
        <v>5.5519639330567208E-2</v>
      </c>
      <c r="K140" s="88">
        <v>1.2019049571088087E-2</v>
      </c>
      <c r="L140" s="89">
        <v>1.585632883386448E-2</v>
      </c>
    </row>
    <row r="141" spans="1:12">
      <c r="A141" s="44" t="s">
        <v>557</v>
      </c>
      <c r="B141" s="180">
        <v>111</v>
      </c>
      <c r="C141" s="181">
        <v>4.958469199940974</v>
      </c>
      <c r="D141" s="182">
        <v>0.31370218792892435</v>
      </c>
      <c r="E141" s="184">
        <v>0.12987598160416497</v>
      </c>
      <c r="F141" s="92">
        <v>6.5241314685850968E-2</v>
      </c>
      <c r="G141" s="184">
        <v>0.19981058412771607</v>
      </c>
      <c r="H141" s="92">
        <v>7.5996812401133387E-2</v>
      </c>
      <c r="I141" s="184">
        <v>0.65367436303033022</v>
      </c>
      <c r="J141" s="92">
        <v>8.9052687478699336E-2</v>
      </c>
      <c r="K141" s="91">
        <v>1.6639071237789668E-2</v>
      </c>
      <c r="L141" s="92">
        <v>3.353524507930275E-2</v>
      </c>
    </row>
    <row r="142" spans="1:12">
      <c r="A142" s="52" t="s">
        <v>558</v>
      </c>
      <c r="B142" s="178">
        <v>114</v>
      </c>
      <c r="C142" s="179">
        <v>4.8720955463122735</v>
      </c>
      <c r="D142" s="80">
        <v>0.29367775132212787</v>
      </c>
      <c r="E142" s="183">
        <v>0.15966707009696518</v>
      </c>
      <c r="F142" s="89">
        <v>6.9353685870044687E-2</v>
      </c>
      <c r="G142" s="183">
        <v>0.21309174389556609</v>
      </c>
      <c r="H142" s="89">
        <v>7.6616994305779784E-2</v>
      </c>
      <c r="I142" s="183">
        <v>0.62523207416244697</v>
      </c>
      <c r="J142" s="89">
        <v>8.9321769397568473E-2</v>
      </c>
      <c r="K142" s="88">
        <v>2.0091118450220689E-3</v>
      </c>
      <c r="L142" s="89">
        <v>2.5064879066888396E-2</v>
      </c>
    </row>
    <row r="143" spans="1:12">
      <c r="A143" s="44" t="s">
        <v>549</v>
      </c>
      <c r="B143" s="180">
        <v>63</v>
      </c>
      <c r="C143" s="181">
        <v>5.2888371159741423</v>
      </c>
      <c r="D143" s="182">
        <v>0.41364822871283075</v>
      </c>
      <c r="E143" s="184">
        <v>0.10546056039476941</v>
      </c>
      <c r="F143" s="92">
        <v>8.1906478847472736E-2</v>
      </c>
      <c r="G143" s="184">
        <v>0.14460616291088724</v>
      </c>
      <c r="H143" s="92">
        <v>9.0875083737910131E-2</v>
      </c>
      <c r="I143" s="184">
        <v>0.72965180547741737</v>
      </c>
      <c r="J143" s="92">
        <v>0.11018827214463009</v>
      </c>
      <c r="K143" s="91">
        <v>2.028147121692608E-2</v>
      </c>
      <c r="L143" s="92">
        <v>5.2704799764979618E-2</v>
      </c>
    </row>
    <row r="144" spans="1:12">
      <c r="A144" s="52" t="s">
        <v>550</v>
      </c>
      <c r="B144" s="178">
        <v>162</v>
      </c>
      <c r="C144" s="179">
        <v>5.345640927624089</v>
      </c>
      <c r="D144" s="80">
        <v>0.2107317639256692</v>
      </c>
      <c r="E144" s="183">
        <v>8.9737481755205836E-2</v>
      </c>
      <c r="F144" s="89">
        <v>4.6490967789981942E-2</v>
      </c>
      <c r="G144" s="183">
        <v>0.16584761542280124</v>
      </c>
      <c r="H144" s="89">
        <v>5.8835783499170069E-2</v>
      </c>
      <c r="I144" s="183">
        <v>0.7136179476969865</v>
      </c>
      <c r="J144" s="89">
        <v>7.0546923504093875E-2</v>
      </c>
      <c r="K144" s="88">
        <v>3.0796955125006388E-2</v>
      </c>
      <c r="L144" s="89">
        <v>3.1173971825566207E-2</v>
      </c>
    </row>
    <row r="145" spans="1:15">
      <c r="A145" s="44" t="s">
        <v>551</v>
      </c>
      <c r="B145" s="180">
        <v>666</v>
      </c>
      <c r="C145" s="181">
        <v>4.9413894464787784</v>
      </c>
      <c r="D145" s="182">
        <v>0.12111292591762421</v>
      </c>
      <c r="E145" s="184">
        <v>0.15452690165938027</v>
      </c>
      <c r="F145" s="92">
        <v>2.8079756215442769E-2</v>
      </c>
      <c r="G145" s="184">
        <v>0.18311817913596404</v>
      </c>
      <c r="H145" s="92">
        <v>3.0003114939603389E-2</v>
      </c>
      <c r="I145" s="184">
        <v>0.62610806108018113</v>
      </c>
      <c r="J145" s="92">
        <v>3.7399503513812507E-2</v>
      </c>
      <c r="K145" s="91">
        <v>3.6246858124480391E-2</v>
      </c>
      <c r="L145" s="92">
        <v>1.4961307656233519E-2</v>
      </c>
    </row>
    <row r="146" spans="1:15" s="238" customFormat="1">
      <c r="A146" s="231"/>
      <c r="B146" s="240"/>
      <c r="C146" s="241"/>
      <c r="D146" s="237"/>
      <c r="E146" s="241"/>
      <c r="F146" s="237"/>
      <c r="G146" s="241"/>
      <c r="H146" s="237"/>
      <c r="I146"/>
      <c r="J146"/>
      <c r="K146"/>
      <c r="L146"/>
      <c r="M146"/>
      <c r="N146"/>
      <c r="O146"/>
    </row>
    <row r="147" spans="1:15" s="238" customFormat="1">
      <c r="A147" s="231"/>
      <c r="B147" s="240"/>
      <c r="C147" s="241"/>
      <c r="D147" s="237"/>
      <c r="E147" s="241"/>
      <c r="F147" s="237"/>
      <c r="G147" s="241"/>
      <c r="H147" s="237"/>
      <c r="I147"/>
      <c r="J147"/>
      <c r="K147"/>
      <c r="L147"/>
      <c r="M147"/>
      <c r="N147"/>
      <c r="O147"/>
    </row>
    <row r="148" spans="1:15" ht="18.75">
      <c r="A148" s="343" t="s">
        <v>30</v>
      </c>
      <c r="B148" s="343"/>
      <c r="C148" s="343"/>
      <c r="D148" s="343"/>
      <c r="E148" s="343"/>
      <c r="F148" s="343"/>
      <c r="G148" s="343"/>
      <c r="H148" s="343"/>
      <c r="I148" s="343"/>
      <c r="J148" s="343"/>
    </row>
    <row r="149" spans="1:15" ht="38.25" customHeight="1">
      <c r="A149" s="406" t="s">
        <v>318</v>
      </c>
      <c r="B149" s="406"/>
      <c r="C149" s="406"/>
      <c r="D149" s="406"/>
      <c r="E149" s="406"/>
      <c r="F149" s="406"/>
      <c r="G149" s="406"/>
      <c r="H149" s="406"/>
      <c r="I149" s="406"/>
      <c r="J149" s="406"/>
    </row>
    <row r="150" spans="1:15" ht="36" customHeight="1">
      <c r="A150" s="287" t="s">
        <v>220</v>
      </c>
      <c r="B150" s="288"/>
      <c r="C150" s="288"/>
      <c r="D150" s="288"/>
      <c r="E150" s="288"/>
      <c r="F150" s="288"/>
      <c r="G150" s="288"/>
      <c r="H150" s="288"/>
      <c r="I150" s="288"/>
      <c r="J150" s="288"/>
    </row>
    <row r="151" spans="1:15" ht="37.5" customHeight="1">
      <c r="A151" s="105" t="s">
        <v>71</v>
      </c>
      <c r="B151" s="33" t="s">
        <v>72</v>
      </c>
      <c r="C151" s="34" t="s">
        <v>591</v>
      </c>
      <c r="D151" s="35" t="s">
        <v>73</v>
      </c>
      <c r="E151" s="33" t="s">
        <v>219</v>
      </c>
      <c r="F151" s="84" t="s">
        <v>138</v>
      </c>
      <c r="G151" s="33" t="s">
        <v>139</v>
      </c>
      <c r="H151" s="84" t="s">
        <v>140</v>
      </c>
      <c r="I151" s="33" t="s">
        <v>319</v>
      </c>
      <c r="J151" s="84" t="s">
        <v>320</v>
      </c>
    </row>
    <row r="152" spans="1:15" ht="72">
      <c r="A152" s="106"/>
      <c r="B152" s="37" t="s">
        <v>74</v>
      </c>
      <c r="C152" s="123" t="s">
        <v>306</v>
      </c>
      <c r="D152" s="39" t="s">
        <v>76</v>
      </c>
      <c r="E152" s="37" t="s">
        <v>183</v>
      </c>
      <c r="F152" s="86" t="s">
        <v>88</v>
      </c>
      <c r="G152" s="37" t="s">
        <v>184</v>
      </c>
      <c r="H152" s="86" t="s">
        <v>88</v>
      </c>
      <c r="I152" s="37" t="s">
        <v>185</v>
      </c>
      <c r="J152" s="86" t="s">
        <v>88</v>
      </c>
    </row>
    <row r="153" spans="1:15">
      <c r="A153" s="40" t="s">
        <v>350</v>
      </c>
      <c r="B153" s="185">
        <v>13851</v>
      </c>
      <c r="C153" s="179">
        <v>3.0329160970560132</v>
      </c>
      <c r="D153" s="80">
        <v>3.6623511781898717E-2</v>
      </c>
      <c r="E153" s="186">
        <v>0.37105043020143802</v>
      </c>
      <c r="F153" s="89">
        <v>8.2084289746870275E-3</v>
      </c>
      <c r="G153" s="186">
        <v>0.34435669868004803</v>
      </c>
      <c r="H153" s="89">
        <v>8.0738051360290924E-3</v>
      </c>
      <c r="I153" s="186">
        <v>0.28459287111853304</v>
      </c>
      <c r="J153" s="89">
        <v>7.6673261852317435E-3</v>
      </c>
    </row>
    <row r="154" spans="1:15">
      <c r="A154" s="44" t="s">
        <v>351</v>
      </c>
      <c r="B154" s="44">
        <v>10168</v>
      </c>
      <c r="C154" s="181">
        <v>3.2855500810756517</v>
      </c>
      <c r="D154" s="182">
        <v>4.3504768149603079E-2</v>
      </c>
      <c r="E154" s="188">
        <v>0.33692624218903311</v>
      </c>
      <c r="F154" s="92">
        <v>9.3733640094873748E-3</v>
      </c>
      <c r="G154" s="188">
        <v>0.33185389271766746</v>
      </c>
      <c r="H154" s="92">
        <v>9.3380838807650968E-3</v>
      </c>
      <c r="I154" s="188">
        <v>0.3312198650932992</v>
      </c>
      <c r="J154" s="92">
        <v>9.3335884448259264E-3</v>
      </c>
    </row>
    <row r="155" spans="1:15">
      <c r="A155" s="40" t="s">
        <v>352</v>
      </c>
      <c r="B155" s="48">
        <v>3683</v>
      </c>
      <c r="C155" s="179">
        <v>2.8273523170568304</v>
      </c>
      <c r="D155" s="80">
        <v>6.3360027012683451E-2</v>
      </c>
      <c r="E155" s="186">
        <v>0.39881667512865937</v>
      </c>
      <c r="F155" s="89">
        <v>1.6128859226447259E-2</v>
      </c>
      <c r="G155" s="186">
        <v>0.35453000954395897</v>
      </c>
      <c r="H155" s="89">
        <v>1.5758014580535377E-2</v>
      </c>
      <c r="I155" s="186">
        <v>0.24665331532738238</v>
      </c>
      <c r="J155" s="89">
        <v>1.4203551377707875E-2</v>
      </c>
    </row>
    <row r="156" spans="1:15">
      <c r="A156" s="44" t="s">
        <v>555</v>
      </c>
      <c r="B156" s="44">
        <v>3605</v>
      </c>
      <c r="C156" s="181">
        <v>3.1364045451468416</v>
      </c>
      <c r="D156" s="182">
        <v>7.2437117837828996E-2</v>
      </c>
      <c r="E156" s="188">
        <v>0.34598646989405935</v>
      </c>
      <c r="F156" s="92">
        <v>1.5838348803189638E-2</v>
      </c>
      <c r="G156" s="188">
        <v>0.35042096477691376</v>
      </c>
      <c r="H156" s="92">
        <v>1.5885280073831193E-2</v>
      </c>
      <c r="I156" s="188">
        <v>0.30359256532904499</v>
      </c>
      <c r="J156" s="92">
        <v>1.5310930275207996E-2</v>
      </c>
    </row>
    <row r="157" spans="1:15">
      <c r="A157" s="40" t="s">
        <v>556</v>
      </c>
      <c r="B157" s="48">
        <v>2956</v>
      </c>
      <c r="C157" s="179">
        <v>3.4672749276736425</v>
      </c>
      <c r="D157" s="80">
        <v>8.0847648936166583E-2</v>
      </c>
      <c r="E157" s="186">
        <v>0.30317391631177598</v>
      </c>
      <c r="F157" s="89">
        <v>1.6900508792418223E-2</v>
      </c>
      <c r="G157" s="186">
        <v>0.32696668023593289</v>
      </c>
      <c r="H157" s="89">
        <v>1.7247809728797189E-2</v>
      </c>
      <c r="I157" s="186">
        <v>0.36985940345228641</v>
      </c>
      <c r="J157" s="89">
        <v>1.7748588399452234E-2</v>
      </c>
    </row>
    <row r="158" spans="1:15">
      <c r="A158" s="44" t="s">
        <v>536</v>
      </c>
      <c r="B158" s="44">
        <v>330</v>
      </c>
      <c r="C158" s="181">
        <v>3.494707938918773</v>
      </c>
      <c r="D158" s="182">
        <v>0.24068309615214317</v>
      </c>
      <c r="E158" s="188">
        <v>0.27844292927303316</v>
      </c>
      <c r="F158" s="92">
        <v>4.9194855550016271E-2</v>
      </c>
      <c r="G158" s="188">
        <v>0.34511285321825658</v>
      </c>
      <c r="H158" s="92">
        <v>5.2091713505333197E-2</v>
      </c>
      <c r="I158" s="188">
        <v>0.37644421750871215</v>
      </c>
      <c r="J158" s="92">
        <v>5.3061644471173591E-2</v>
      </c>
    </row>
    <row r="159" spans="1:15">
      <c r="A159" s="40" t="s">
        <v>537</v>
      </c>
      <c r="B159" s="48">
        <v>162</v>
      </c>
      <c r="C159" s="179">
        <v>3.3778810312593595</v>
      </c>
      <c r="D159" s="80">
        <v>0.327565808946849</v>
      </c>
      <c r="E159" s="186">
        <v>0.25645379540816488</v>
      </c>
      <c r="F159" s="89">
        <v>6.8285253626918757E-2</v>
      </c>
      <c r="G159" s="186">
        <v>0.41357142897587551</v>
      </c>
      <c r="H159" s="89">
        <v>7.6502737946062216E-2</v>
      </c>
      <c r="I159" s="186">
        <v>0.32997477561595867</v>
      </c>
      <c r="J159" s="89">
        <v>7.3216599301140259E-2</v>
      </c>
    </row>
    <row r="160" spans="1:15">
      <c r="A160" s="44" t="s">
        <v>538</v>
      </c>
      <c r="B160" s="44">
        <v>89</v>
      </c>
      <c r="C160" s="181">
        <v>3.7386657824962373</v>
      </c>
      <c r="D160" s="182">
        <v>0.45794515929601964</v>
      </c>
      <c r="E160" s="188">
        <v>0.24352176938203141</v>
      </c>
      <c r="F160" s="92">
        <v>9.0341244328996512E-2</v>
      </c>
      <c r="G160" s="188">
        <v>0.31364866357060678</v>
      </c>
      <c r="H160" s="92">
        <v>9.6875086577659059E-2</v>
      </c>
      <c r="I160" s="188">
        <v>0.44282956704736137</v>
      </c>
      <c r="J160" s="92">
        <v>0.10307250875215512</v>
      </c>
    </row>
    <row r="161" spans="1:10">
      <c r="A161" s="40" t="s">
        <v>539</v>
      </c>
      <c r="B161" s="48">
        <v>243</v>
      </c>
      <c r="C161" s="179">
        <v>4.1552495530349924</v>
      </c>
      <c r="D161" s="80">
        <v>0.27734140099815524</v>
      </c>
      <c r="E161" s="186">
        <v>0.20956750575164204</v>
      </c>
      <c r="F161" s="89">
        <v>5.22155082634966E-2</v>
      </c>
      <c r="G161" s="186">
        <v>0.28528714153433277</v>
      </c>
      <c r="H161" s="89">
        <v>5.7671338466718347E-2</v>
      </c>
      <c r="I161" s="186">
        <v>0.50514535271402305</v>
      </c>
      <c r="J161" s="89">
        <v>6.3625215366719126E-2</v>
      </c>
    </row>
    <row r="162" spans="1:10">
      <c r="A162" s="44" t="s">
        <v>540</v>
      </c>
      <c r="B162" s="44">
        <v>82</v>
      </c>
      <c r="C162" s="181">
        <v>3.9947413193033201</v>
      </c>
      <c r="D162" s="182">
        <v>0.47586750171359526</v>
      </c>
      <c r="E162" s="188">
        <v>0.21819442566161007</v>
      </c>
      <c r="F162" s="92">
        <v>9.0938569345144674E-2</v>
      </c>
      <c r="G162" s="188">
        <v>0.34349153252336917</v>
      </c>
      <c r="H162" s="92">
        <v>0.10291805374271551</v>
      </c>
      <c r="I162" s="188">
        <v>0.43831404181502071</v>
      </c>
      <c r="J162" s="92">
        <v>0.10708409624594474</v>
      </c>
    </row>
    <row r="163" spans="1:10">
      <c r="A163" s="40" t="s">
        <v>541</v>
      </c>
      <c r="B163" s="185">
        <v>90</v>
      </c>
      <c r="C163" s="179">
        <v>4.4181620664231644</v>
      </c>
      <c r="D163" s="80">
        <v>0.43298479789248095</v>
      </c>
      <c r="E163" s="186">
        <v>0.15534398917515305</v>
      </c>
      <c r="F163" s="89">
        <v>7.7488978895439778E-2</v>
      </c>
      <c r="G163" s="186">
        <v>0.27783699879654045</v>
      </c>
      <c r="H163" s="89">
        <v>9.3343285941045129E-2</v>
      </c>
      <c r="I163" s="186">
        <v>0.56681901202830642</v>
      </c>
      <c r="J163" s="89">
        <v>0.10229434297930351</v>
      </c>
    </row>
    <row r="164" spans="1:10">
      <c r="A164" s="44" t="s">
        <v>542</v>
      </c>
      <c r="B164" s="187">
        <v>71</v>
      </c>
      <c r="C164" s="181">
        <v>4.0315649481720515</v>
      </c>
      <c r="D164" s="182">
        <v>0.55173790097000974</v>
      </c>
      <c r="E164" s="188">
        <v>0.26072270780359857</v>
      </c>
      <c r="F164" s="92">
        <v>0.1029409088137324</v>
      </c>
      <c r="G164" s="188">
        <v>0.23257173228780245</v>
      </c>
      <c r="H164" s="92">
        <v>9.9574365292707953E-2</v>
      </c>
      <c r="I164" s="188">
        <v>0.50670555990859856</v>
      </c>
      <c r="J164" s="92">
        <v>0.11546074745046378</v>
      </c>
    </row>
    <row r="165" spans="1:10">
      <c r="A165" s="40" t="s">
        <v>543</v>
      </c>
      <c r="B165" s="49">
        <v>475</v>
      </c>
      <c r="C165" s="179">
        <v>3.2157390616830228</v>
      </c>
      <c r="D165" s="80">
        <v>0.20309103903290568</v>
      </c>
      <c r="E165" s="186">
        <v>0.3547827448307983</v>
      </c>
      <c r="F165" s="89">
        <v>4.3755124197835345E-2</v>
      </c>
      <c r="G165" s="186">
        <v>0.32946578335937238</v>
      </c>
      <c r="H165" s="89">
        <v>4.2998447656934266E-2</v>
      </c>
      <c r="I165" s="186">
        <v>0.31575147180983099</v>
      </c>
      <c r="J165" s="89">
        <v>4.2531293721252889E-2</v>
      </c>
    </row>
    <row r="166" spans="1:10">
      <c r="A166" s="44" t="s">
        <v>616</v>
      </c>
      <c r="B166" s="187">
        <v>246</v>
      </c>
      <c r="C166" s="181">
        <v>3.1643018739595843</v>
      </c>
      <c r="D166" s="182">
        <v>0.27682133866369429</v>
      </c>
      <c r="E166" s="188">
        <v>0.33773035911637528</v>
      </c>
      <c r="F166" s="92">
        <v>5.993388741112303E-2</v>
      </c>
      <c r="G166" s="188">
        <v>0.36948663872173504</v>
      </c>
      <c r="H166" s="92">
        <v>6.1123740918260561E-2</v>
      </c>
      <c r="I166" s="188">
        <v>0.29278300216188707</v>
      </c>
      <c r="J166" s="92">
        <v>5.774761193286293E-2</v>
      </c>
    </row>
    <row r="167" spans="1:10">
      <c r="A167" s="52" t="s">
        <v>544</v>
      </c>
      <c r="B167" s="185">
        <v>229</v>
      </c>
      <c r="C167" s="179">
        <v>3.2626793801735534</v>
      </c>
      <c r="D167" s="80">
        <v>0.29893629313650799</v>
      </c>
      <c r="E167" s="186">
        <v>0.37034433464324851</v>
      </c>
      <c r="F167" s="89">
        <v>6.3348838936163082E-2</v>
      </c>
      <c r="G167" s="186">
        <v>0.29294373034447507</v>
      </c>
      <c r="H167" s="89">
        <v>5.9840571618086362E-2</v>
      </c>
      <c r="I167" s="186">
        <v>0.33671193501227475</v>
      </c>
      <c r="J167" s="89">
        <v>6.2045894308881452E-2</v>
      </c>
    </row>
    <row r="168" spans="1:10">
      <c r="A168" s="44" t="s">
        <v>545</v>
      </c>
      <c r="B168" s="187">
        <v>109</v>
      </c>
      <c r="C168" s="181">
        <v>3.1669229544314454</v>
      </c>
      <c r="D168" s="182">
        <v>0.42708963209263501</v>
      </c>
      <c r="E168" s="188">
        <v>0.40349895307361727</v>
      </c>
      <c r="F168" s="92">
        <v>9.242747317079883E-2</v>
      </c>
      <c r="G168" s="188">
        <v>0.29547082015272985</v>
      </c>
      <c r="H168" s="92">
        <v>8.6439291307617544E-2</v>
      </c>
      <c r="I168" s="188">
        <v>0.30103022677365276</v>
      </c>
      <c r="J168" s="92">
        <v>8.6865613220146159E-2</v>
      </c>
    </row>
    <row r="169" spans="1:10">
      <c r="A169" s="52" t="s">
        <v>546</v>
      </c>
      <c r="B169" s="185">
        <v>288</v>
      </c>
      <c r="C169" s="179">
        <v>3.847953617617573</v>
      </c>
      <c r="D169" s="80">
        <v>0.25820267990178047</v>
      </c>
      <c r="E169" s="186">
        <v>0.24047354022899101</v>
      </c>
      <c r="F169" s="89">
        <v>5.027032297395146E-2</v>
      </c>
      <c r="G169" s="186">
        <v>0.33345045009028906</v>
      </c>
      <c r="H169" s="89">
        <v>5.5272179333429906E-2</v>
      </c>
      <c r="I169" s="186">
        <v>0.42607600968072296</v>
      </c>
      <c r="J169" s="89">
        <v>5.7895032262834899E-2</v>
      </c>
    </row>
    <row r="170" spans="1:10">
      <c r="A170" s="44" t="s">
        <v>557</v>
      </c>
      <c r="B170" s="187">
        <v>112</v>
      </c>
      <c r="C170" s="181">
        <v>3.7470194286364977</v>
      </c>
      <c r="D170" s="182">
        <v>0.3920831837416302</v>
      </c>
      <c r="E170" s="188">
        <v>0.21844543306206429</v>
      </c>
      <c r="F170" s="92">
        <v>7.7925664651350576E-2</v>
      </c>
      <c r="G170" s="188">
        <v>0.39865809370393146</v>
      </c>
      <c r="H170" s="92">
        <v>9.1052446911950247E-2</v>
      </c>
      <c r="I170" s="188">
        <v>0.38289647323400527</v>
      </c>
      <c r="J170" s="92">
        <v>9.0442627758929875E-2</v>
      </c>
    </row>
    <row r="171" spans="1:10">
      <c r="A171" s="52" t="s">
        <v>558</v>
      </c>
      <c r="B171" s="185">
        <v>113</v>
      </c>
      <c r="C171" s="179">
        <v>4.078935921095697</v>
      </c>
      <c r="D171" s="80">
        <v>0.42091632622732161</v>
      </c>
      <c r="E171" s="186">
        <v>0.24512175977306555</v>
      </c>
      <c r="F171" s="89">
        <v>8.0469362746785941E-2</v>
      </c>
      <c r="G171" s="186">
        <v>0.2725578503487821</v>
      </c>
      <c r="H171" s="89">
        <v>8.3050122817626915E-2</v>
      </c>
      <c r="I171" s="186">
        <v>0.48232038987815273</v>
      </c>
      <c r="J171" s="89">
        <v>9.2396107192555685E-2</v>
      </c>
    </row>
    <row r="172" spans="1:10">
      <c r="A172" s="44" t="s">
        <v>549</v>
      </c>
      <c r="B172" s="187">
        <v>63</v>
      </c>
      <c r="C172" s="181">
        <v>3.6475526831392933</v>
      </c>
      <c r="D172" s="182">
        <v>0.58864984666209563</v>
      </c>
      <c r="E172" s="188">
        <v>0.27206192183855099</v>
      </c>
      <c r="F172" s="92">
        <v>0.11037594426489018</v>
      </c>
      <c r="G172" s="188">
        <v>0.31752355453379583</v>
      </c>
      <c r="H172" s="92">
        <v>0.11475073680782592</v>
      </c>
      <c r="I172" s="188">
        <v>0.41041452362765318</v>
      </c>
      <c r="J172" s="92">
        <v>0.12042316252505054</v>
      </c>
    </row>
    <row r="173" spans="1:10">
      <c r="A173" s="52" t="s">
        <v>550</v>
      </c>
      <c r="B173" s="185">
        <v>159</v>
      </c>
      <c r="C173" s="179">
        <v>3.48135193955151</v>
      </c>
      <c r="D173" s="80">
        <v>0.33994350589896205</v>
      </c>
      <c r="E173" s="186">
        <v>0.29703606862462084</v>
      </c>
      <c r="F173" s="89">
        <v>7.1924064258477929E-2</v>
      </c>
      <c r="G173" s="186">
        <v>0.31909595783449501</v>
      </c>
      <c r="H173" s="89">
        <v>7.3285761722996667E-2</v>
      </c>
      <c r="I173" s="186">
        <v>0.38386797354088364</v>
      </c>
      <c r="J173" s="89">
        <v>7.628927061535945E-2</v>
      </c>
    </row>
    <row r="174" spans="1:10">
      <c r="A174" s="44" t="s">
        <v>551</v>
      </c>
      <c r="B174" s="187">
        <v>673</v>
      </c>
      <c r="C174" s="181">
        <v>2.934544436765794</v>
      </c>
      <c r="D174" s="182">
        <v>0.15185986041478647</v>
      </c>
      <c r="E174" s="188">
        <v>0.37184847540045524</v>
      </c>
      <c r="F174" s="92">
        <v>3.7164704207490781E-2</v>
      </c>
      <c r="G174" s="188">
        <v>0.36449756094171981</v>
      </c>
      <c r="H174" s="92">
        <v>3.7012147470539304E-2</v>
      </c>
      <c r="I174" s="188">
        <v>0.2636539636578269</v>
      </c>
      <c r="J174" s="92">
        <v>3.3925688466876186E-2</v>
      </c>
    </row>
    <row r="177" spans="1:4" ht="18.75">
      <c r="A177" s="342" t="s">
        <v>13</v>
      </c>
      <c r="B177" s="342"/>
      <c r="C177" s="342"/>
      <c r="D177" s="342"/>
    </row>
    <row r="178" spans="1:4" ht="92.25" customHeight="1">
      <c r="A178" s="398" t="s">
        <v>400</v>
      </c>
      <c r="B178" s="398"/>
      <c r="C178" s="398"/>
      <c r="D178" s="398"/>
    </row>
    <row r="179" spans="1:4" ht="47.25" customHeight="1">
      <c r="A179" s="409" t="s">
        <v>14</v>
      </c>
      <c r="B179" s="348"/>
      <c r="C179" s="348"/>
      <c r="D179" s="348"/>
    </row>
    <row r="180" spans="1:4" ht="72">
      <c r="A180" s="32" t="s">
        <v>71</v>
      </c>
      <c r="B180" s="33" t="s">
        <v>72</v>
      </c>
      <c r="C180" s="34" t="s">
        <v>592</v>
      </c>
      <c r="D180" s="35" t="s">
        <v>73</v>
      </c>
    </row>
    <row r="181" spans="1:4" ht="72">
      <c r="A181" s="36"/>
      <c r="B181" s="37" t="s">
        <v>74</v>
      </c>
      <c r="C181" s="123" t="s">
        <v>401</v>
      </c>
      <c r="D181" s="39" t="s">
        <v>76</v>
      </c>
    </row>
    <row r="182" spans="1:4">
      <c r="A182" s="40" t="s">
        <v>350</v>
      </c>
      <c r="B182" s="161">
        <v>13827</v>
      </c>
      <c r="C182" s="162">
        <v>5.0982380875424731</v>
      </c>
      <c r="D182" s="81">
        <v>2.4190472874140591E-2</v>
      </c>
    </row>
    <row r="183" spans="1:4">
      <c r="A183" s="44" t="s">
        <v>351</v>
      </c>
      <c r="B183" s="44">
        <v>10151</v>
      </c>
      <c r="C183" s="164">
        <v>5.3220089317492016</v>
      </c>
      <c r="D183" s="82">
        <v>2.8117786814764043E-2</v>
      </c>
    </row>
    <row r="184" spans="1:4">
      <c r="A184" s="40" t="s">
        <v>352</v>
      </c>
      <c r="B184" s="48">
        <v>3676</v>
      </c>
      <c r="C184" s="162">
        <v>4.9158790423429561</v>
      </c>
      <c r="D184" s="81">
        <v>4.4776993159336351E-2</v>
      </c>
    </row>
    <row r="185" spans="1:4">
      <c r="A185" s="44" t="s">
        <v>555</v>
      </c>
      <c r="B185" s="44">
        <v>3606</v>
      </c>
      <c r="C185" s="164">
        <v>5.1317878108486212</v>
      </c>
      <c r="D185" s="82">
        <v>4.6906219325079865E-2</v>
      </c>
    </row>
    <row r="186" spans="1:4">
      <c r="A186" s="40" t="s">
        <v>556</v>
      </c>
      <c r="B186" s="48">
        <v>2959</v>
      </c>
      <c r="C186" s="162">
        <v>5.4298446586418807</v>
      </c>
      <c r="D186" s="81">
        <v>5.1371625340174476E-2</v>
      </c>
    </row>
    <row r="187" spans="1:4">
      <c r="A187" s="44" t="s">
        <v>536</v>
      </c>
      <c r="B187" s="44">
        <v>330</v>
      </c>
      <c r="C187" s="164">
        <v>5.4149308415876716</v>
      </c>
      <c r="D187" s="82">
        <v>0.15880287223682968</v>
      </c>
    </row>
    <row r="188" spans="1:4">
      <c r="A188" s="40" t="s">
        <v>537</v>
      </c>
      <c r="B188" s="48">
        <v>163</v>
      </c>
      <c r="C188" s="162">
        <v>5.4899290788168145</v>
      </c>
      <c r="D188" s="81">
        <v>0.22429631374608544</v>
      </c>
    </row>
    <row r="189" spans="1:4">
      <c r="A189" s="44" t="s">
        <v>538</v>
      </c>
      <c r="B189" s="44">
        <v>88</v>
      </c>
      <c r="C189" s="164">
        <v>5.4566696755633064</v>
      </c>
      <c r="D189" s="82">
        <v>0.30662221425076369</v>
      </c>
    </row>
    <row r="190" spans="1:4">
      <c r="A190" s="40" t="s">
        <v>539</v>
      </c>
      <c r="B190" s="48">
        <v>245</v>
      </c>
      <c r="C190" s="162">
        <v>5.692479745001024</v>
      </c>
      <c r="D190" s="81">
        <v>0.18681383737845969</v>
      </c>
    </row>
    <row r="191" spans="1:4">
      <c r="A191" s="44" t="s">
        <v>540</v>
      </c>
      <c r="B191" s="44">
        <v>82</v>
      </c>
      <c r="C191" s="164">
        <v>5.5760580244029443</v>
      </c>
      <c r="D191" s="82">
        <v>0.35213941189590309</v>
      </c>
    </row>
    <row r="192" spans="1:4">
      <c r="A192" s="40" t="s">
        <v>541</v>
      </c>
      <c r="B192" s="161">
        <v>92</v>
      </c>
      <c r="C192" s="162">
        <v>5.7528873116193129</v>
      </c>
      <c r="D192" s="81">
        <v>0.29711783950221854</v>
      </c>
    </row>
    <row r="193" spans="1:34">
      <c r="A193" s="44" t="s">
        <v>542</v>
      </c>
      <c r="B193" s="163">
        <v>71</v>
      </c>
      <c r="C193" s="164">
        <v>5.745939739261483</v>
      </c>
      <c r="D193" s="82">
        <v>0.32375612725064001</v>
      </c>
    </row>
    <row r="194" spans="1:34">
      <c r="A194" s="40" t="s">
        <v>543</v>
      </c>
      <c r="B194" s="78">
        <v>471</v>
      </c>
      <c r="C194" s="162">
        <v>5.3919093797116791</v>
      </c>
      <c r="D194" s="81">
        <v>0.12773542947553901</v>
      </c>
    </row>
    <row r="195" spans="1:34">
      <c r="A195" s="44" t="s">
        <v>616</v>
      </c>
      <c r="B195" s="163">
        <v>243</v>
      </c>
      <c r="C195" s="164">
        <v>5.3165796232960894</v>
      </c>
      <c r="D195" s="82">
        <v>0.1787850563727387</v>
      </c>
    </row>
    <row r="196" spans="1:34">
      <c r="A196" s="52" t="s">
        <v>544</v>
      </c>
      <c r="B196" s="161">
        <v>228</v>
      </c>
      <c r="C196" s="162">
        <v>5.4605379814696695</v>
      </c>
      <c r="D196" s="81">
        <v>0.18294498925949274</v>
      </c>
    </row>
    <row r="197" spans="1:34">
      <c r="A197" s="44" t="s">
        <v>545</v>
      </c>
      <c r="B197" s="163">
        <v>112</v>
      </c>
      <c r="C197" s="164">
        <v>5.6271953180754046</v>
      </c>
      <c r="D197" s="82">
        <v>0.24181725853218997</v>
      </c>
    </row>
    <row r="198" spans="1:34">
      <c r="A198" s="52" t="s">
        <v>546</v>
      </c>
      <c r="B198" s="161">
        <v>288</v>
      </c>
      <c r="C198" s="162">
        <v>5.438089575158755</v>
      </c>
      <c r="D198" s="81">
        <v>0.16983735135586381</v>
      </c>
    </row>
    <row r="199" spans="1:34">
      <c r="A199" s="44" t="s">
        <v>557</v>
      </c>
      <c r="B199" s="163">
        <v>111</v>
      </c>
      <c r="C199" s="164">
        <v>5.4912145486896566</v>
      </c>
      <c r="D199" s="82">
        <v>0.28599674184796203</v>
      </c>
    </row>
    <row r="200" spans="1:34">
      <c r="A200" s="52" t="s">
        <v>558</v>
      </c>
      <c r="B200" s="161">
        <v>114</v>
      </c>
      <c r="C200" s="162">
        <v>5.5486357065332514</v>
      </c>
      <c r="D200" s="81">
        <v>0.26320698513414503</v>
      </c>
    </row>
    <row r="201" spans="1:34">
      <c r="A201" s="44" t="s">
        <v>549</v>
      </c>
      <c r="B201" s="163">
        <v>63</v>
      </c>
      <c r="C201" s="164">
        <v>5.1614283876550973</v>
      </c>
      <c r="D201" s="82">
        <v>0.34554127084484904</v>
      </c>
    </row>
    <row r="202" spans="1:34">
      <c r="A202" s="52" t="s">
        <v>550</v>
      </c>
      <c r="B202" s="161">
        <v>162</v>
      </c>
      <c r="C202" s="162">
        <v>5.1592918005256125</v>
      </c>
      <c r="D202" s="81">
        <v>0.2380489282355292</v>
      </c>
    </row>
    <row r="203" spans="1:34">
      <c r="A203" s="44" t="s">
        <v>551</v>
      </c>
      <c r="B203" s="163">
        <v>671</v>
      </c>
      <c r="C203" s="164">
        <v>4.9233485795630623</v>
      </c>
      <c r="D203" s="82">
        <v>0.10407712315005331</v>
      </c>
    </row>
    <row r="206" spans="1:34" ht="18.75">
      <c r="A206" s="342" t="s">
        <v>402</v>
      </c>
      <c r="B206" s="342"/>
      <c r="C206" s="342"/>
      <c r="D206" s="342"/>
      <c r="E206" s="342"/>
      <c r="F206" s="342"/>
      <c r="G206" s="342"/>
      <c r="H206" s="342"/>
      <c r="I206" s="342"/>
      <c r="J206" s="342"/>
      <c r="K206" s="342"/>
      <c r="L206" s="342"/>
      <c r="M206" s="342"/>
      <c r="N206" s="342"/>
      <c r="O206" s="342"/>
      <c r="P206" s="342"/>
      <c r="Q206" s="342"/>
      <c r="R206" s="342"/>
      <c r="S206" s="342"/>
      <c r="T206" s="342"/>
      <c r="U206" s="342"/>
      <c r="V206" s="342"/>
      <c r="W206" s="342"/>
      <c r="X206" s="342"/>
      <c r="Y206" s="342"/>
      <c r="Z206" s="342"/>
      <c r="AA206" s="342"/>
      <c r="AB206" s="342"/>
      <c r="AC206" s="342"/>
      <c r="AD206" s="342"/>
      <c r="AE206" s="342"/>
      <c r="AF206" s="342"/>
      <c r="AG206" s="342"/>
      <c r="AH206" s="342"/>
    </row>
    <row r="207" spans="1:34" ht="58.5" customHeight="1">
      <c r="A207" s="398" t="s">
        <v>595</v>
      </c>
      <c r="B207" s="398"/>
      <c r="C207" s="398"/>
      <c r="D207" s="398"/>
      <c r="E207" s="398"/>
      <c r="F207" s="398"/>
      <c r="G207" s="398"/>
      <c r="H207" s="398"/>
      <c r="I207" s="398"/>
      <c r="J207" s="398"/>
      <c r="K207" s="398"/>
      <c r="L207" s="398"/>
      <c r="M207" s="398"/>
      <c r="N207" s="398"/>
      <c r="O207" s="398"/>
      <c r="P207" s="398"/>
      <c r="Q207" s="398"/>
      <c r="R207" s="398"/>
      <c r="S207" s="398"/>
      <c r="T207" s="398"/>
      <c r="U207" s="398"/>
      <c r="V207" s="398"/>
      <c r="W207" s="398"/>
      <c r="X207" s="398"/>
      <c r="Y207" s="398"/>
      <c r="Z207" s="398"/>
      <c r="AA207" s="398"/>
      <c r="AB207" s="398"/>
      <c r="AC207" s="398"/>
      <c r="AD207" s="398"/>
      <c r="AE207" s="398"/>
      <c r="AF207" s="398"/>
      <c r="AG207" s="398"/>
      <c r="AH207" s="398"/>
    </row>
    <row r="208" spans="1:34" ht="36" customHeight="1">
      <c r="A208" s="291"/>
      <c r="B208" s="389" t="s">
        <v>141</v>
      </c>
      <c r="C208" s="390"/>
      <c r="D208" s="390"/>
      <c r="E208" s="390"/>
      <c r="F208" s="390"/>
      <c r="G208" s="390"/>
      <c r="H208" s="390"/>
      <c r="I208" s="390"/>
      <c r="J208" s="390"/>
      <c r="K208" s="390"/>
      <c r="L208" s="390"/>
      <c r="M208" s="389" t="s">
        <v>403</v>
      </c>
      <c r="N208" s="390"/>
      <c r="O208" s="390"/>
      <c r="P208" s="390"/>
      <c r="Q208" s="390"/>
      <c r="R208" s="390"/>
      <c r="S208" s="390"/>
      <c r="T208" s="390"/>
      <c r="U208" s="390"/>
      <c r="V208" s="390"/>
      <c r="W208" s="390"/>
      <c r="X208" s="389" t="s">
        <v>404</v>
      </c>
      <c r="Y208" s="390"/>
      <c r="Z208" s="390"/>
      <c r="AA208" s="390"/>
      <c r="AB208" s="390"/>
      <c r="AC208" s="390"/>
      <c r="AD208" s="390"/>
      <c r="AE208" s="390"/>
      <c r="AF208" s="390"/>
      <c r="AG208" s="390"/>
      <c r="AH208" s="390"/>
    </row>
    <row r="209" spans="1:34" ht="39.75" customHeight="1">
      <c r="A209" s="32" t="s">
        <v>71</v>
      </c>
      <c r="B209" s="33" t="s">
        <v>72</v>
      </c>
      <c r="C209" s="34" t="s">
        <v>592</v>
      </c>
      <c r="D209" s="35" t="s">
        <v>73</v>
      </c>
      <c r="E209" s="33" t="s">
        <v>156</v>
      </c>
      <c r="F209" s="84" t="s">
        <v>85</v>
      </c>
      <c r="G209" s="33" t="s">
        <v>157</v>
      </c>
      <c r="H209" s="84" t="s">
        <v>86</v>
      </c>
      <c r="I209" s="33" t="s">
        <v>158</v>
      </c>
      <c r="J209" s="84" t="s">
        <v>87</v>
      </c>
      <c r="K209" s="33" t="s">
        <v>301</v>
      </c>
      <c r="L209" s="84" t="s">
        <v>300</v>
      </c>
      <c r="M209" s="60" t="s">
        <v>72</v>
      </c>
      <c r="N209" s="61" t="s">
        <v>592</v>
      </c>
      <c r="O209" s="62" t="s">
        <v>73</v>
      </c>
      <c r="P209" s="60" t="s">
        <v>156</v>
      </c>
      <c r="Q209" s="83" t="s">
        <v>85</v>
      </c>
      <c r="R209" s="60" t="s">
        <v>157</v>
      </c>
      <c r="S209" s="83" t="s">
        <v>86</v>
      </c>
      <c r="T209" s="60" t="s">
        <v>158</v>
      </c>
      <c r="U209" s="83" t="s">
        <v>87</v>
      </c>
      <c r="V209" s="60" t="s">
        <v>301</v>
      </c>
      <c r="W209" s="83" t="s">
        <v>300</v>
      </c>
      <c r="X209" s="33" t="s">
        <v>72</v>
      </c>
      <c r="Y209" s="34" t="s">
        <v>592</v>
      </c>
      <c r="Z209" s="35" t="s">
        <v>73</v>
      </c>
      <c r="AA209" s="33" t="s">
        <v>158</v>
      </c>
      <c r="AB209" s="84" t="s">
        <v>87</v>
      </c>
      <c r="AC209" s="33" t="s">
        <v>157</v>
      </c>
      <c r="AD209" s="84" t="s">
        <v>86</v>
      </c>
      <c r="AE209" s="33" t="s">
        <v>156</v>
      </c>
      <c r="AF209" s="84" t="s">
        <v>579</v>
      </c>
      <c r="AG209" s="33" t="s">
        <v>301</v>
      </c>
      <c r="AH209" s="84" t="s">
        <v>300</v>
      </c>
    </row>
    <row r="210" spans="1:34" ht="73.5" customHeight="1">
      <c r="A210" s="36"/>
      <c r="B210" s="37" t="s">
        <v>74</v>
      </c>
      <c r="C210" s="123" t="s">
        <v>305</v>
      </c>
      <c r="D210" s="39" t="s">
        <v>76</v>
      </c>
      <c r="E210" s="37" t="s">
        <v>159</v>
      </c>
      <c r="F210" s="86" t="s">
        <v>142</v>
      </c>
      <c r="G210" s="37" t="s">
        <v>160</v>
      </c>
      <c r="H210" s="86" t="s">
        <v>88</v>
      </c>
      <c r="I210" s="37" t="s">
        <v>161</v>
      </c>
      <c r="J210" s="86" t="s">
        <v>88</v>
      </c>
      <c r="K210" s="37" t="s">
        <v>301</v>
      </c>
      <c r="L210" s="86" t="s">
        <v>88</v>
      </c>
      <c r="M210" s="63" t="s">
        <v>74</v>
      </c>
      <c r="N210" s="254" t="s">
        <v>305</v>
      </c>
      <c r="O210" s="65" t="s">
        <v>76</v>
      </c>
      <c r="P210" s="63" t="s">
        <v>159</v>
      </c>
      <c r="Q210" s="85" t="s">
        <v>142</v>
      </c>
      <c r="R210" s="63" t="s">
        <v>160</v>
      </c>
      <c r="S210" s="85" t="s">
        <v>88</v>
      </c>
      <c r="T210" s="63" t="s">
        <v>161</v>
      </c>
      <c r="U210" s="85" t="s">
        <v>88</v>
      </c>
      <c r="V210" s="63" t="s">
        <v>301</v>
      </c>
      <c r="W210" s="85" t="s">
        <v>88</v>
      </c>
      <c r="X210" s="37" t="s">
        <v>74</v>
      </c>
      <c r="Y210" s="123" t="s">
        <v>577</v>
      </c>
      <c r="Z210" s="39" t="s">
        <v>76</v>
      </c>
      <c r="AA210" s="37" t="s">
        <v>161</v>
      </c>
      <c r="AB210" s="86" t="s">
        <v>88</v>
      </c>
      <c r="AC210" s="37" t="s">
        <v>160</v>
      </c>
      <c r="AD210" s="86" t="s">
        <v>88</v>
      </c>
      <c r="AE210" s="37" t="s">
        <v>159</v>
      </c>
      <c r="AF210" s="86" t="s">
        <v>88</v>
      </c>
      <c r="AG210" s="37" t="s">
        <v>301</v>
      </c>
      <c r="AH210" s="86" t="s">
        <v>88</v>
      </c>
    </row>
    <row r="211" spans="1:34">
      <c r="A211" s="40" t="s">
        <v>350</v>
      </c>
      <c r="B211" s="189">
        <v>13943</v>
      </c>
      <c r="C211" s="179">
        <v>5.2674529049140011</v>
      </c>
      <c r="D211" s="80">
        <v>2.5396140619569116E-2</v>
      </c>
      <c r="E211" s="186">
        <v>0.13037988512584719</v>
      </c>
      <c r="F211" s="89">
        <v>5.704396323305696E-3</v>
      </c>
      <c r="G211" s="186">
        <v>0.14594893252937521</v>
      </c>
      <c r="H211" s="89">
        <v>5.9807711118543905E-3</v>
      </c>
      <c r="I211" s="186">
        <v>0.70924715130903837</v>
      </c>
      <c r="J211" s="89">
        <v>7.6908939904346855E-3</v>
      </c>
      <c r="K211" s="186">
        <v>1.4424031035749629E-2</v>
      </c>
      <c r="L211" s="89">
        <v>2.0287744870067449E-3</v>
      </c>
      <c r="M211" s="189">
        <v>13859</v>
      </c>
      <c r="N211" s="179">
        <v>4.9898617291731453</v>
      </c>
      <c r="O211" s="80">
        <v>2.7329001428974493E-2</v>
      </c>
      <c r="P211" s="186">
        <v>0.17905338823202274</v>
      </c>
      <c r="Q211" s="89">
        <v>6.5138521239697291E-3</v>
      </c>
      <c r="R211" s="186">
        <v>0.16401517979330132</v>
      </c>
      <c r="S211" s="89">
        <v>6.2913772908889821E-3</v>
      </c>
      <c r="T211" s="186">
        <v>0.64197233469599102</v>
      </c>
      <c r="U211" s="89">
        <v>8.143832280892601E-3</v>
      </c>
      <c r="V211" s="186">
        <v>1.4959097278701537E-2</v>
      </c>
      <c r="W211" s="89">
        <v>2.0714405463674937E-3</v>
      </c>
      <c r="X211" s="189">
        <v>13854</v>
      </c>
      <c r="Y211" s="179">
        <v>5.044863519472699</v>
      </c>
      <c r="Z211" s="80">
        <v>3.0716765481605339E-2</v>
      </c>
      <c r="AA211" s="186">
        <v>0.23058309098054219</v>
      </c>
      <c r="AB211" s="89">
        <v>7.1569104274514499E-3</v>
      </c>
      <c r="AC211" s="186">
        <v>0.10805259362280144</v>
      </c>
      <c r="AD211" s="89">
        <v>5.2767513683299504E-3</v>
      </c>
      <c r="AE211" s="186">
        <v>0.64754024686774148</v>
      </c>
      <c r="AF211" s="89">
        <v>8.1167061002784049E-3</v>
      </c>
      <c r="AG211" s="186">
        <v>1.3824068528934631E-2</v>
      </c>
      <c r="AH211" s="89">
        <v>1.993595956119424E-3</v>
      </c>
    </row>
    <row r="212" spans="1:34">
      <c r="A212" s="44" t="s">
        <v>351</v>
      </c>
      <c r="B212" s="44">
        <v>10220</v>
      </c>
      <c r="C212" s="181">
        <v>5.4582937986452427</v>
      </c>
      <c r="D212" s="182">
        <v>2.9161141284772256E-2</v>
      </c>
      <c r="E212" s="188">
        <v>0.11475980873372124</v>
      </c>
      <c r="F212" s="92">
        <v>6.3080201788134381E-3</v>
      </c>
      <c r="G212" s="188">
        <v>0.12081702264701885</v>
      </c>
      <c r="H212" s="92">
        <v>6.4499017770815598E-3</v>
      </c>
      <c r="I212" s="188">
        <v>0.7541948219122131</v>
      </c>
      <c r="J212" s="92">
        <v>8.5175769222327509E-3</v>
      </c>
      <c r="K212" s="188">
        <v>1.0228346707037489E-2</v>
      </c>
      <c r="L212" s="92">
        <v>2.0085291069678415E-3</v>
      </c>
      <c r="M212" s="44">
        <v>10157</v>
      </c>
      <c r="N212" s="181">
        <v>5.1796464492033865</v>
      </c>
      <c r="O212" s="182">
        <v>3.1525837329850398E-2</v>
      </c>
      <c r="P212" s="188">
        <v>0.16256264098281814</v>
      </c>
      <c r="Q212" s="92">
        <v>7.3230370034518804E-3</v>
      </c>
      <c r="R212" s="188">
        <v>0.13803092907982234</v>
      </c>
      <c r="S212" s="92">
        <v>6.8467420952802007E-3</v>
      </c>
      <c r="T212" s="188">
        <v>0.68924169751998188</v>
      </c>
      <c r="U212" s="92">
        <v>9.1830614394183482E-3</v>
      </c>
      <c r="V212" s="188">
        <v>1.0164732417369877E-2</v>
      </c>
      <c r="W212" s="92">
        <v>2.0087676023535467E-3</v>
      </c>
      <c r="X212" s="44">
        <v>10145</v>
      </c>
      <c r="Y212" s="181">
        <v>5.3320696307010129</v>
      </c>
      <c r="Z212" s="182">
        <v>3.4626838593356107E-2</v>
      </c>
      <c r="AA212" s="188">
        <v>0.1866335940696498</v>
      </c>
      <c r="AB212" s="92">
        <v>7.7369015514828837E-3</v>
      </c>
      <c r="AC212" s="188">
        <v>9.0522174916732506E-2</v>
      </c>
      <c r="AD212" s="92">
        <v>5.7008573558275646E-3</v>
      </c>
      <c r="AE212" s="188">
        <v>0.71379178768450657</v>
      </c>
      <c r="AF212" s="92">
        <v>8.9739464397979186E-3</v>
      </c>
      <c r="AG212" s="188">
        <v>9.0524433291043378E-3</v>
      </c>
      <c r="AH212" s="92">
        <v>1.9001015753012239E-3</v>
      </c>
    </row>
    <row r="213" spans="1:34">
      <c r="A213" s="40" t="s">
        <v>352</v>
      </c>
      <c r="B213" s="48">
        <v>3723</v>
      </c>
      <c r="C213" s="179">
        <v>5.1117031039451977</v>
      </c>
      <c r="D213" s="80">
        <v>4.951252846847088E-2</v>
      </c>
      <c r="E213" s="186">
        <v>0.14302999859372642</v>
      </c>
      <c r="F213" s="89">
        <v>1.1482341147721219E-2</v>
      </c>
      <c r="G213" s="186">
        <v>0.16630232285188554</v>
      </c>
      <c r="H213" s="89">
        <v>1.2208929486818442E-2</v>
      </c>
      <c r="I213" s="186">
        <v>0.67284572029336776</v>
      </c>
      <c r="J213" s="89">
        <v>1.5372608500991874E-2</v>
      </c>
      <c r="K213" s="186">
        <v>1.782195826102102E-2</v>
      </c>
      <c r="L213" s="89">
        <v>4.3956609408566608E-3</v>
      </c>
      <c r="M213" s="48">
        <v>3702</v>
      </c>
      <c r="N213" s="179">
        <v>4.8346504973168001</v>
      </c>
      <c r="O213" s="80">
        <v>5.2490916215009328E-2</v>
      </c>
      <c r="P213" s="186">
        <v>0.192421702191273</v>
      </c>
      <c r="Q213" s="89">
        <v>1.2959303622014124E-2</v>
      </c>
      <c r="R213" s="186">
        <v>0.18507945397593281</v>
      </c>
      <c r="S213" s="89">
        <v>1.2767970386900631E-2</v>
      </c>
      <c r="T213" s="186">
        <v>0.60365316860022844</v>
      </c>
      <c r="U213" s="89">
        <v>1.6070513828775387E-2</v>
      </c>
      <c r="V213" s="186">
        <v>1.884567523256539E-2</v>
      </c>
      <c r="W213" s="89">
        <v>4.5273047846472103E-3</v>
      </c>
      <c r="X213" s="48">
        <v>3709</v>
      </c>
      <c r="Y213" s="179">
        <v>4.8107298992910357</v>
      </c>
      <c r="Z213" s="80">
        <v>6.2317355494325335E-2</v>
      </c>
      <c r="AA213" s="186">
        <v>0.26609927437951764</v>
      </c>
      <c r="AB213" s="89">
        <v>1.4509050225637487E-2</v>
      </c>
      <c r="AC213" s="186">
        <v>0.1222191622888306</v>
      </c>
      <c r="AD213" s="89">
        <v>1.0765926282271817E-2</v>
      </c>
      <c r="AE213" s="186">
        <v>0.59400147988514096</v>
      </c>
      <c r="AF213" s="89">
        <v>1.6119094541324468E-2</v>
      </c>
      <c r="AG213" s="186">
        <v>1.7680083446510748E-2</v>
      </c>
      <c r="AH213" s="89">
        <v>4.3874384546956505E-3</v>
      </c>
    </row>
    <row r="214" spans="1:34">
      <c r="A214" s="44" t="s">
        <v>555</v>
      </c>
      <c r="B214" s="44">
        <v>3628</v>
      </c>
      <c r="C214" s="181">
        <v>5.3091948180392317</v>
      </c>
      <c r="D214" s="182">
        <v>4.884767263300123E-2</v>
      </c>
      <c r="E214" s="188">
        <v>0.12909054425921171</v>
      </c>
      <c r="F214" s="92">
        <v>1.1142303146471823E-2</v>
      </c>
      <c r="G214" s="188">
        <v>0.14443531346130517</v>
      </c>
      <c r="H214" s="92">
        <v>1.167908218265193E-2</v>
      </c>
      <c r="I214" s="188">
        <v>0.71148473405209089</v>
      </c>
      <c r="J214" s="92">
        <v>1.5039326859839781E-2</v>
      </c>
      <c r="K214" s="188">
        <v>1.4989408227399964E-2</v>
      </c>
      <c r="L214" s="92">
        <v>4.1025644606566894E-3</v>
      </c>
      <c r="M214" s="44">
        <v>3599</v>
      </c>
      <c r="N214" s="181">
        <v>5.0186188080872745</v>
      </c>
      <c r="O214" s="182">
        <v>5.2741528777868703E-2</v>
      </c>
      <c r="P214" s="188">
        <v>0.17303807281878988</v>
      </c>
      <c r="Q214" s="92">
        <v>1.2614532556388227E-2</v>
      </c>
      <c r="R214" s="188">
        <v>0.17206232144138223</v>
      </c>
      <c r="S214" s="92">
        <v>1.2586444128802471E-2</v>
      </c>
      <c r="T214" s="188">
        <v>0.64346822134234283</v>
      </c>
      <c r="U214" s="92">
        <v>1.5960767411532188E-2</v>
      </c>
      <c r="V214" s="188">
        <v>1.1431384397494027E-2</v>
      </c>
      <c r="W214" s="92">
        <v>3.6240806315785568E-3</v>
      </c>
      <c r="X214" s="44">
        <v>3595</v>
      </c>
      <c r="Y214" s="181">
        <v>5.0788843216949431</v>
      </c>
      <c r="Z214" s="182">
        <v>5.8837586944499726E-2</v>
      </c>
      <c r="AA214" s="188">
        <v>0.22402734260456811</v>
      </c>
      <c r="AB214" s="92">
        <v>1.3906698659531095E-2</v>
      </c>
      <c r="AC214" s="188">
        <v>0.11105771521999606</v>
      </c>
      <c r="AD214" s="92">
        <v>1.0492722296394778E-2</v>
      </c>
      <c r="AE214" s="188">
        <v>0.65387966490819538</v>
      </c>
      <c r="AF214" s="92">
        <v>1.5861783318303988E-2</v>
      </c>
      <c r="AG214" s="188">
        <v>1.1035277267249399E-2</v>
      </c>
      <c r="AH214" s="92">
        <v>3.5664852762897436E-3</v>
      </c>
    </row>
    <row r="215" spans="1:34">
      <c r="A215" s="40" t="s">
        <v>556</v>
      </c>
      <c r="B215" s="48">
        <v>2975</v>
      </c>
      <c r="C215" s="179">
        <v>5.5726495122006323</v>
      </c>
      <c r="D215" s="80">
        <v>5.2765992964571969E-2</v>
      </c>
      <c r="E215" s="186">
        <v>0.10183730540426988</v>
      </c>
      <c r="F215" s="89">
        <v>1.1107936917544128E-2</v>
      </c>
      <c r="G215" s="186">
        <v>0.10958886095069482</v>
      </c>
      <c r="H215" s="89">
        <v>1.1470480440746215E-2</v>
      </c>
      <c r="I215" s="186">
        <v>0.77726881854244123</v>
      </c>
      <c r="J215" s="89">
        <v>1.5255607406263179E-2</v>
      </c>
      <c r="K215" s="186">
        <v>1.1305015102592242E-2</v>
      </c>
      <c r="L215" s="89">
        <v>3.983539709981292E-3</v>
      </c>
      <c r="M215" s="48">
        <v>2950</v>
      </c>
      <c r="N215" s="179">
        <v>5.2907873199961681</v>
      </c>
      <c r="O215" s="80">
        <v>5.7373680669968959E-2</v>
      </c>
      <c r="P215" s="186">
        <v>0.14717533273031727</v>
      </c>
      <c r="Q215" s="89">
        <v>1.3054318885475584E-2</v>
      </c>
      <c r="R215" s="186">
        <v>0.13585812223157734</v>
      </c>
      <c r="S215" s="89">
        <v>1.2627658445351209E-2</v>
      </c>
      <c r="T215" s="186">
        <v>0.70762149897615967</v>
      </c>
      <c r="U215" s="89">
        <v>1.6742503059381315E-2</v>
      </c>
      <c r="V215" s="186">
        <v>9.3450460619432015E-3</v>
      </c>
      <c r="W215" s="89">
        <v>3.663069579309214E-3</v>
      </c>
      <c r="X215" s="48">
        <v>2945</v>
      </c>
      <c r="Y215" s="179">
        <v>5.4358184212776859</v>
      </c>
      <c r="Z215" s="80">
        <v>6.2358334692255983E-2</v>
      </c>
      <c r="AA215" s="186">
        <v>0.16639422720515099</v>
      </c>
      <c r="AB215" s="89">
        <v>1.3731371212948755E-2</v>
      </c>
      <c r="AC215" s="186">
        <v>9.2503844379807049E-2</v>
      </c>
      <c r="AD215" s="89">
        <v>1.0699321236619094E-2</v>
      </c>
      <c r="AE215" s="186">
        <v>0.7322781868793542</v>
      </c>
      <c r="AF215" s="89">
        <v>1.6313024289573409E-2</v>
      </c>
      <c r="AG215" s="186">
        <v>8.8237415356858338E-3</v>
      </c>
      <c r="AH215" s="89">
        <v>3.5707089092047103E-3</v>
      </c>
    </row>
    <row r="216" spans="1:34">
      <c r="A216" s="44" t="s">
        <v>536</v>
      </c>
      <c r="B216" s="44">
        <v>332</v>
      </c>
      <c r="C216" s="181">
        <v>5.5360942689395918</v>
      </c>
      <c r="D216" s="182">
        <v>0.16078931967664895</v>
      </c>
      <c r="E216" s="188">
        <v>0.10320549080937248</v>
      </c>
      <c r="F216" s="92">
        <v>3.3855525540078209E-2</v>
      </c>
      <c r="G216" s="188">
        <v>0.10314449494206858</v>
      </c>
      <c r="H216" s="92">
        <v>3.3847214765195685E-2</v>
      </c>
      <c r="I216" s="188">
        <v>0.78440399906069558</v>
      </c>
      <c r="J216" s="92">
        <v>4.5122683343710245E-2</v>
      </c>
      <c r="K216" s="188">
        <v>9.2460151878637695E-3</v>
      </c>
      <c r="L216" s="92">
        <v>1.3300853442773923E-2</v>
      </c>
      <c r="M216" s="44">
        <v>327</v>
      </c>
      <c r="N216" s="181">
        <v>5.3393863499131111</v>
      </c>
      <c r="O216" s="182">
        <v>0.17004482499167428</v>
      </c>
      <c r="P216" s="188">
        <v>0.1176233783459926</v>
      </c>
      <c r="Q216" s="92">
        <v>3.600949668403812E-2</v>
      </c>
      <c r="R216" s="188">
        <v>0.11747573049659656</v>
      </c>
      <c r="S216" s="92">
        <v>3.5990996828609768E-2</v>
      </c>
      <c r="T216" s="188">
        <v>0.75993463797320904</v>
      </c>
      <c r="U216" s="92">
        <v>4.716201199446305E-2</v>
      </c>
      <c r="V216" s="188">
        <v>4.9662531842023959E-3</v>
      </c>
      <c r="W216" s="92">
        <v>1.1439404899315561E-2</v>
      </c>
      <c r="X216" s="44">
        <v>330</v>
      </c>
      <c r="Y216" s="181">
        <v>5.3733643958419508</v>
      </c>
      <c r="Z216" s="182">
        <v>0.19536340656735166</v>
      </c>
      <c r="AA216" s="188">
        <v>0.1869206183825515</v>
      </c>
      <c r="AB216" s="92">
        <v>4.2989344965543672E-2</v>
      </c>
      <c r="AC216" s="188">
        <v>7.4107887788505231E-2</v>
      </c>
      <c r="AD216" s="92">
        <v>2.9554460587806444E-2</v>
      </c>
      <c r="AE216" s="188">
        <v>0.73403456831026492</v>
      </c>
      <c r="AF216" s="92">
        <v>4.8514689864897861E-2</v>
      </c>
      <c r="AG216" s="188">
        <v>4.9369255186788828E-3</v>
      </c>
      <c r="AH216" s="92">
        <v>1.1345292869555884E-2</v>
      </c>
    </row>
    <row r="217" spans="1:34">
      <c r="A217" s="40" t="s">
        <v>537</v>
      </c>
      <c r="B217" s="48">
        <v>164</v>
      </c>
      <c r="C217" s="179">
        <v>5.5800387230778679</v>
      </c>
      <c r="D217" s="80">
        <v>0.23243604192873293</v>
      </c>
      <c r="E217" s="186">
        <v>0.10356200364331497</v>
      </c>
      <c r="F217" s="89">
        <v>4.8851518656458599E-2</v>
      </c>
      <c r="G217" s="186">
        <v>7.3047556026834576E-2</v>
      </c>
      <c r="H217" s="89">
        <v>4.2619208723196925E-2</v>
      </c>
      <c r="I217" s="186">
        <v>0.81584867346678236</v>
      </c>
      <c r="J217" s="89">
        <v>6.0736267596404679E-2</v>
      </c>
      <c r="K217" s="186">
        <v>7.5417668630679731E-3</v>
      </c>
      <c r="L217" s="89">
        <v>2.1210816552796288E-2</v>
      </c>
      <c r="M217" s="48">
        <v>162</v>
      </c>
      <c r="N217" s="179">
        <v>5.3984839290553603</v>
      </c>
      <c r="O217" s="80">
        <v>0.23290208851646502</v>
      </c>
      <c r="P217" s="186">
        <v>9.1340622337925753E-2</v>
      </c>
      <c r="Q217" s="89">
        <v>4.6813873458808768E-2</v>
      </c>
      <c r="R217" s="186">
        <v>0.12030483125569251</v>
      </c>
      <c r="S217" s="89">
        <v>5.2111036503079494E-2</v>
      </c>
      <c r="T217" s="186">
        <v>0.78835454640638158</v>
      </c>
      <c r="U217" s="89">
        <v>6.4155407286668423E-2</v>
      </c>
      <c r="V217" s="186">
        <v>0</v>
      </c>
      <c r="W217" s="89">
        <v>1.6935763699852214E-2</v>
      </c>
      <c r="X217" s="48">
        <v>163</v>
      </c>
      <c r="Y217" s="179">
        <v>5.520366281037747</v>
      </c>
      <c r="Z217" s="80">
        <v>0.2600585079400794</v>
      </c>
      <c r="AA217" s="186">
        <v>0.16111221200433681</v>
      </c>
      <c r="AB217" s="89">
        <v>5.802967111109808E-2</v>
      </c>
      <c r="AC217" s="186">
        <v>8.083897066785474E-2</v>
      </c>
      <c r="AD217" s="89">
        <v>4.4485026087442793E-2</v>
      </c>
      <c r="AE217" s="186">
        <v>0.75804881732780838</v>
      </c>
      <c r="AF217" s="89">
        <v>6.6847311382771307E-2</v>
      </c>
      <c r="AG217" s="186">
        <v>0</v>
      </c>
      <c r="AH217" s="89">
        <v>1.6834966591550982E-2</v>
      </c>
    </row>
    <row r="218" spans="1:34">
      <c r="A218" s="44" t="s">
        <v>538</v>
      </c>
      <c r="B218" s="44">
        <v>89</v>
      </c>
      <c r="C218" s="181">
        <v>5.4952669729950561</v>
      </c>
      <c r="D218" s="182">
        <v>0.31287699023623283</v>
      </c>
      <c r="E218" s="188">
        <v>9.7249932359911112E-2</v>
      </c>
      <c r="F218" s="92">
        <v>6.6054931363819847E-2</v>
      </c>
      <c r="G218" s="188">
        <v>0.14812013087674777</v>
      </c>
      <c r="H218" s="92">
        <v>7.6651041660883976E-2</v>
      </c>
      <c r="I218" s="188">
        <v>0.73149516617388199</v>
      </c>
      <c r="J218" s="92">
        <v>9.2961026414658657E-2</v>
      </c>
      <c r="K218" s="188">
        <v>2.3134770589458658E-2</v>
      </c>
      <c r="L218" s="92">
        <v>4.2370718240538438E-2</v>
      </c>
      <c r="M218" s="44">
        <v>88</v>
      </c>
      <c r="N218" s="181">
        <v>5.3708557096388052</v>
      </c>
      <c r="O218" s="182">
        <v>0.32778936754219173</v>
      </c>
      <c r="P218" s="188">
        <v>0.12202302317413961</v>
      </c>
      <c r="Q218" s="92">
        <v>7.2016458863563421E-2</v>
      </c>
      <c r="R218" s="188">
        <v>0.12905812869399153</v>
      </c>
      <c r="S218" s="92">
        <v>7.345718985481621E-2</v>
      </c>
      <c r="T218" s="188">
        <v>0.72546923552657649</v>
      </c>
      <c r="U218" s="92">
        <v>9.4060128611335614E-2</v>
      </c>
      <c r="V218" s="188">
        <v>2.3449612605292353E-2</v>
      </c>
      <c r="W218" s="92">
        <v>4.2843637297632423E-2</v>
      </c>
      <c r="X218" s="44">
        <v>88</v>
      </c>
      <c r="Y218" s="181">
        <v>5.448826649649984</v>
      </c>
      <c r="Z218" s="182">
        <v>0.38034434814371521</v>
      </c>
      <c r="AA218" s="188">
        <v>0.14806674377137125</v>
      </c>
      <c r="AB218" s="92">
        <v>7.7088042350894032E-2</v>
      </c>
      <c r="AC218" s="188">
        <v>0.10521637778767538</v>
      </c>
      <c r="AD218" s="92">
        <v>6.8335426725569859E-2</v>
      </c>
      <c r="AE218" s="188">
        <v>0.72309615570466523</v>
      </c>
      <c r="AF218" s="92">
        <v>9.428495416762063E-2</v>
      </c>
      <c r="AG218" s="188">
        <v>2.3620722736287965E-2</v>
      </c>
      <c r="AH218" s="92">
        <v>4.291926814019377E-2</v>
      </c>
    </row>
    <row r="219" spans="1:34">
      <c r="A219" s="40" t="s">
        <v>539</v>
      </c>
      <c r="B219" s="48">
        <v>245</v>
      </c>
      <c r="C219" s="179">
        <v>5.7758180234075622</v>
      </c>
      <c r="D219" s="80">
        <v>0.19135684629234154</v>
      </c>
      <c r="E219" s="186">
        <v>0.1010637651730688</v>
      </c>
      <c r="F219" s="89">
        <v>3.9254512350247468E-2</v>
      </c>
      <c r="G219" s="186">
        <v>8.4176036749203056E-2</v>
      </c>
      <c r="H219" s="89">
        <v>3.642699426723138E-2</v>
      </c>
      <c r="I219" s="186">
        <v>0.81476019807772726</v>
      </c>
      <c r="J219" s="89">
        <v>4.9751761361627879E-2</v>
      </c>
      <c r="K219" s="186">
        <v>0</v>
      </c>
      <c r="L219" s="89">
        <v>1.131343404848041E-2</v>
      </c>
      <c r="M219" s="48">
        <v>244</v>
      </c>
      <c r="N219" s="179">
        <v>5.5588592897746318</v>
      </c>
      <c r="O219" s="80">
        <v>0.21601484178153341</v>
      </c>
      <c r="P219" s="186">
        <v>0.16828887298048908</v>
      </c>
      <c r="Q219" s="89">
        <v>4.8107495880498792E-2</v>
      </c>
      <c r="R219" s="186">
        <v>5.274373304091319E-2</v>
      </c>
      <c r="S219" s="89">
        <v>3.0150867087513102E-2</v>
      </c>
      <c r="T219" s="186">
        <v>0.77896739397859649</v>
      </c>
      <c r="U219" s="89">
        <v>5.3077448123314698E-2</v>
      </c>
      <c r="V219" s="186">
        <v>0</v>
      </c>
      <c r="W219" s="89">
        <v>1.1358867296889074E-2</v>
      </c>
      <c r="X219" s="48">
        <v>244</v>
      </c>
      <c r="Y219" s="179">
        <v>5.745852501639388</v>
      </c>
      <c r="Z219" s="80">
        <v>0.20182735777364064</v>
      </c>
      <c r="AA219" s="186">
        <v>0.11208149129946104</v>
      </c>
      <c r="AB219" s="89">
        <v>4.1022083362880588E-2</v>
      </c>
      <c r="AC219" s="186">
        <v>7.6450886612527622E-2</v>
      </c>
      <c r="AD219" s="89">
        <v>3.5091212585995325E-2</v>
      </c>
      <c r="AE219" s="186">
        <v>0.81146762208801027</v>
      </c>
      <c r="AF219" s="89">
        <v>5.0175836788455185E-2</v>
      </c>
      <c r="AG219" s="186">
        <v>0</v>
      </c>
      <c r="AH219" s="89">
        <v>1.1358867296889074E-2</v>
      </c>
    </row>
    <row r="220" spans="1:34">
      <c r="A220" s="44" t="s">
        <v>540</v>
      </c>
      <c r="B220" s="44">
        <v>82</v>
      </c>
      <c r="C220" s="181">
        <v>5.589746452547101</v>
      </c>
      <c r="D220" s="182">
        <v>0.35078030100603819</v>
      </c>
      <c r="E220" s="188">
        <v>0.10157367655885347</v>
      </c>
      <c r="F220" s="92">
        <v>7.0109512468378668E-2</v>
      </c>
      <c r="G220" s="188">
        <v>0.12549428493782838</v>
      </c>
      <c r="H220" s="92">
        <v>7.5479547643418285E-2</v>
      </c>
      <c r="I220" s="188">
        <v>0.77293203850331793</v>
      </c>
      <c r="J220" s="92">
        <v>9.2075911689154633E-2</v>
      </c>
      <c r="K220" s="188">
        <v>0</v>
      </c>
      <c r="L220" s="92">
        <v>3.2504011252172456E-2</v>
      </c>
      <c r="M220" s="44">
        <v>82</v>
      </c>
      <c r="N220" s="181">
        <v>5.4773049990928264</v>
      </c>
      <c r="O220" s="182">
        <v>0.40277603984664062</v>
      </c>
      <c r="P220" s="188">
        <v>0.16933538310484975</v>
      </c>
      <c r="Q220" s="92">
        <v>8.3692530429724188E-2</v>
      </c>
      <c r="R220" s="188">
        <v>1.7203128146795792E-2</v>
      </c>
      <c r="S220" s="92">
        <v>4.2088487326562139E-2</v>
      </c>
      <c r="T220" s="188">
        <v>0.81346148874835411</v>
      </c>
      <c r="U220" s="92">
        <v>8.6446547282170605E-2</v>
      </c>
      <c r="V220" s="188">
        <v>0</v>
      </c>
      <c r="W220" s="92">
        <v>3.2504011252172456E-2</v>
      </c>
      <c r="X220" s="44">
        <v>82</v>
      </c>
      <c r="Y220" s="181">
        <v>5.6611226215689081</v>
      </c>
      <c r="Z220" s="182">
        <v>0.38373706994546619</v>
      </c>
      <c r="AA220" s="188">
        <v>0.1379546910198412</v>
      </c>
      <c r="AB220" s="92">
        <v>7.8007996874389737E-2</v>
      </c>
      <c r="AC220" s="188">
        <v>6.1255379763325332E-2</v>
      </c>
      <c r="AD220" s="92">
        <v>5.9059846148730423E-2</v>
      </c>
      <c r="AE220" s="188">
        <v>0.80078992921683312</v>
      </c>
      <c r="AF220" s="92">
        <v>8.8329702688952863E-2</v>
      </c>
      <c r="AG220" s="188">
        <v>0</v>
      </c>
      <c r="AH220" s="92">
        <v>3.2504011252172456E-2</v>
      </c>
    </row>
    <row r="221" spans="1:34">
      <c r="A221" s="40" t="s">
        <v>541</v>
      </c>
      <c r="B221" s="189">
        <v>92</v>
      </c>
      <c r="C221" s="179">
        <v>5.930098716625622</v>
      </c>
      <c r="D221" s="80">
        <v>0.30421318091845595</v>
      </c>
      <c r="E221" s="186">
        <v>9.6677023923738115E-2</v>
      </c>
      <c r="F221" s="89">
        <v>6.4744353044882519E-2</v>
      </c>
      <c r="G221" s="186">
        <v>3.8811815042270721E-2</v>
      </c>
      <c r="H221" s="89">
        <v>4.7723483850503727E-2</v>
      </c>
      <c r="I221" s="186">
        <v>0.86451116103399106</v>
      </c>
      <c r="J221" s="89">
        <v>7.3022058523063663E-2</v>
      </c>
      <c r="K221" s="186">
        <v>0</v>
      </c>
      <c r="L221" s="89">
        <v>2.9154263235671291E-2</v>
      </c>
      <c r="M221" s="189">
        <v>92</v>
      </c>
      <c r="N221" s="179">
        <v>5.5905691864865048</v>
      </c>
      <c r="O221" s="80">
        <v>0.34415328868562445</v>
      </c>
      <c r="P221" s="186">
        <v>0.15202493573736592</v>
      </c>
      <c r="Q221" s="89">
        <v>7.6046501278293405E-2</v>
      </c>
      <c r="R221" s="186">
        <v>9.3256297056166948E-2</v>
      </c>
      <c r="S221" s="89">
        <v>6.3920210827423177E-2</v>
      </c>
      <c r="T221" s="186">
        <v>0.75471876720646702</v>
      </c>
      <c r="U221" s="89">
        <v>8.9072187970388461E-2</v>
      </c>
      <c r="V221" s="186">
        <v>0</v>
      </c>
      <c r="W221" s="89">
        <v>2.9154263235671291E-2</v>
      </c>
      <c r="X221" s="189">
        <v>91</v>
      </c>
      <c r="Y221" s="179">
        <v>5.7601899624475017</v>
      </c>
      <c r="Z221" s="80">
        <v>0.33401208999917159</v>
      </c>
      <c r="AA221" s="186">
        <v>0.11830589906433583</v>
      </c>
      <c r="AB221" s="89">
        <v>6.9983453619447217E-2</v>
      </c>
      <c r="AC221" s="186">
        <v>5.2434210843625012E-2</v>
      </c>
      <c r="AD221" s="89">
        <v>5.2794887332358251E-2</v>
      </c>
      <c r="AE221" s="186">
        <v>0.82925989009203915</v>
      </c>
      <c r="AF221" s="89">
        <v>7.961093921056267E-2</v>
      </c>
      <c r="AG221" s="186">
        <v>0</v>
      </c>
      <c r="AH221" s="89">
        <v>2.9457850911392545E-2</v>
      </c>
    </row>
    <row r="222" spans="1:34">
      <c r="A222" s="44" t="s">
        <v>542</v>
      </c>
      <c r="B222" s="190">
        <v>71</v>
      </c>
      <c r="C222" s="181">
        <v>5.7957681278556459</v>
      </c>
      <c r="D222" s="182">
        <v>0.34365569146882013</v>
      </c>
      <c r="E222" s="188">
        <v>0.1055057382506622</v>
      </c>
      <c r="F222" s="92">
        <v>7.6779054712337633E-2</v>
      </c>
      <c r="G222" s="188">
        <v>9.2343707442397421E-2</v>
      </c>
      <c r="H222" s="92">
        <v>7.3419308368778941E-2</v>
      </c>
      <c r="I222" s="188">
        <v>0.80215055430694004</v>
      </c>
      <c r="J222" s="92">
        <v>9.4708954281072844E-2</v>
      </c>
      <c r="K222" s="188">
        <v>0</v>
      </c>
      <c r="L222" s="92">
        <v>3.7206132509255738E-2</v>
      </c>
      <c r="M222" s="190">
        <v>70</v>
      </c>
      <c r="N222" s="181">
        <v>5.6091487076113955</v>
      </c>
      <c r="O222" s="182">
        <v>0.37970575946134377</v>
      </c>
      <c r="P222" s="188">
        <v>0.18592561331649832</v>
      </c>
      <c r="Q222" s="92">
        <v>9.3500437688312871E-2</v>
      </c>
      <c r="R222" s="188">
        <v>4.3883433180483905E-2</v>
      </c>
      <c r="S222" s="92">
        <v>5.8744003871086185E-2</v>
      </c>
      <c r="T222" s="188">
        <v>0.77019095350301736</v>
      </c>
      <c r="U222" s="92">
        <v>9.9912333908639281E-2</v>
      </c>
      <c r="V222" s="188">
        <v>0</v>
      </c>
      <c r="W222" s="92">
        <v>3.7701936889887336E-2</v>
      </c>
      <c r="X222" s="190">
        <v>71</v>
      </c>
      <c r="Y222" s="181">
        <v>5.8185724477210661</v>
      </c>
      <c r="Z222" s="182">
        <v>0.32419204194964352</v>
      </c>
      <c r="AA222" s="188">
        <v>7.7999995713997572E-2</v>
      </c>
      <c r="AB222" s="92">
        <v>6.9437770079556829E-2</v>
      </c>
      <c r="AC222" s="188">
        <v>0.11927317942289088</v>
      </c>
      <c r="AD222" s="92">
        <v>8.0032134054594847E-2</v>
      </c>
      <c r="AE222" s="188">
        <v>0.80272682486311109</v>
      </c>
      <c r="AF222" s="92">
        <v>9.4620957367449382E-2</v>
      </c>
      <c r="AG222" s="188">
        <v>0</v>
      </c>
      <c r="AH222" s="92">
        <v>3.7206132509255738E-2</v>
      </c>
    </row>
    <row r="223" spans="1:34">
      <c r="A223" s="40" t="s">
        <v>543</v>
      </c>
      <c r="B223" s="78">
        <v>477</v>
      </c>
      <c r="C223" s="179">
        <v>5.5078801833288269</v>
      </c>
      <c r="D223" s="80">
        <v>0.13134204992664653</v>
      </c>
      <c r="E223" s="186">
        <v>0.10981519987869763</v>
      </c>
      <c r="F223" s="89">
        <v>2.8877462938976702E-2</v>
      </c>
      <c r="G223" s="186">
        <v>0.12910108910224621</v>
      </c>
      <c r="H223" s="89">
        <v>3.0886080592318729E-2</v>
      </c>
      <c r="I223" s="186">
        <v>0.75232081946493967</v>
      </c>
      <c r="J223" s="89">
        <v>3.9475637032039303E-2</v>
      </c>
      <c r="K223" s="186">
        <v>8.7628915541172869E-3</v>
      </c>
      <c r="L223" s="89">
        <v>1.0269933399629805E-2</v>
      </c>
      <c r="M223" s="78">
        <v>469</v>
      </c>
      <c r="N223" s="179">
        <v>5.2153975859898738</v>
      </c>
      <c r="O223" s="80">
        <v>0.14319570871892237</v>
      </c>
      <c r="P223" s="186">
        <v>0.15384488985496975</v>
      </c>
      <c r="Q223" s="89">
        <v>3.3435391774914364E-2</v>
      </c>
      <c r="R223" s="186">
        <v>0.15077603340613668</v>
      </c>
      <c r="S223" s="89">
        <v>3.3169001989549723E-2</v>
      </c>
      <c r="T223" s="186">
        <v>0.69024284367750832</v>
      </c>
      <c r="U223" s="89">
        <v>4.2582312254106608E-2</v>
      </c>
      <c r="V223" s="186">
        <v>5.1362330613865994E-3</v>
      </c>
      <c r="W223" s="89">
        <v>8.836903248055224E-3</v>
      </c>
      <c r="X223" s="78">
        <v>469</v>
      </c>
      <c r="Y223" s="179">
        <v>5.4547268344599482</v>
      </c>
      <c r="Z223" s="80">
        <v>0.15315625953249581</v>
      </c>
      <c r="AA223" s="186">
        <v>0.16984116106065436</v>
      </c>
      <c r="AB223" s="89">
        <v>3.4754467010912171E-2</v>
      </c>
      <c r="AC223" s="186">
        <v>8.2198405507516115E-2</v>
      </c>
      <c r="AD223" s="89">
        <v>2.5745822492586473E-2</v>
      </c>
      <c r="AE223" s="186">
        <v>0.74112742877616</v>
      </c>
      <c r="AF223" s="89">
        <v>4.0382608467157056E-2</v>
      </c>
      <c r="AG223" s="186">
        <v>6.8330046556704417E-3</v>
      </c>
      <c r="AH223" s="89">
        <v>9.5931934805819855E-3</v>
      </c>
    </row>
    <row r="224" spans="1:34">
      <c r="A224" s="44" t="s">
        <v>616</v>
      </c>
      <c r="B224" s="190">
        <v>246</v>
      </c>
      <c r="C224" s="181">
        <v>5.4310330748636195</v>
      </c>
      <c r="D224" s="182">
        <v>0.18609112144200374</v>
      </c>
      <c r="E224" s="188">
        <v>0.12219169645355095</v>
      </c>
      <c r="F224" s="92">
        <v>4.2292693688329351E-2</v>
      </c>
      <c r="G224" s="188">
        <v>0.14551510330152703</v>
      </c>
      <c r="H224" s="92">
        <v>4.5313025855887167E-2</v>
      </c>
      <c r="I224" s="188">
        <v>0.73229320024492006</v>
      </c>
      <c r="J224" s="92">
        <v>5.6249839752963424E-2</v>
      </c>
      <c r="K224" s="188">
        <v>0</v>
      </c>
      <c r="L224" s="92">
        <v>1.1268362791461766E-2</v>
      </c>
      <c r="M224" s="190">
        <v>241</v>
      </c>
      <c r="N224" s="181">
        <v>5.1567948118752565</v>
      </c>
      <c r="O224" s="182">
        <v>0.1993177472997737</v>
      </c>
      <c r="P224" s="188">
        <v>0.15024950822810415</v>
      </c>
      <c r="Q224" s="92">
        <v>4.6359075191168587E-2</v>
      </c>
      <c r="R224" s="188">
        <v>0.17873232745566103</v>
      </c>
      <c r="S224" s="92">
        <v>4.9508570819872651E-2</v>
      </c>
      <c r="T224" s="188">
        <v>0.67083876563686784</v>
      </c>
      <c r="U224" s="92">
        <v>6.017109550130282E-2</v>
      </c>
      <c r="V224" s="188">
        <v>1.7939867936485595E-4</v>
      </c>
      <c r="W224" s="92">
        <v>1.1619957390155932E-2</v>
      </c>
      <c r="X224" s="190">
        <v>240</v>
      </c>
      <c r="Y224" s="181">
        <v>5.350423918962016</v>
      </c>
      <c r="Z224" s="182">
        <v>0.21638427868708324</v>
      </c>
      <c r="AA224" s="188">
        <v>0.18309071031062532</v>
      </c>
      <c r="AB224" s="92">
        <v>5.0054781079845845E-2</v>
      </c>
      <c r="AC224" s="188">
        <v>8.7015839345583143E-2</v>
      </c>
      <c r="AD224" s="92">
        <v>3.7326702146777323E-2</v>
      </c>
      <c r="AE224" s="188">
        <v>0.72960577789406278</v>
      </c>
      <c r="AF224" s="92">
        <v>5.7115859317810692E-2</v>
      </c>
      <c r="AG224" s="188">
        <v>2.8767244972692751E-4</v>
      </c>
      <c r="AH224" s="92">
        <v>1.1740201972375715E-2</v>
      </c>
    </row>
    <row r="225" spans="1:34">
      <c r="A225" s="52" t="s">
        <v>544</v>
      </c>
      <c r="B225" s="189">
        <v>231</v>
      </c>
      <c r="C225" s="179">
        <v>5.5782626663937496</v>
      </c>
      <c r="D225" s="80">
        <v>0.1853359882178581</v>
      </c>
      <c r="E225" s="186">
        <v>9.8668643564907926E-2</v>
      </c>
      <c r="F225" s="89">
        <v>4.0078562105254019E-2</v>
      </c>
      <c r="G225" s="186">
        <v>0.11431825193172036</v>
      </c>
      <c r="H225" s="89">
        <v>4.2530657065214687E-2</v>
      </c>
      <c r="I225" s="186">
        <v>0.77035815209109026</v>
      </c>
      <c r="J225" s="89">
        <v>5.5255473675909668E-2</v>
      </c>
      <c r="K225" s="186">
        <v>1.6654952412280793E-2</v>
      </c>
      <c r="L225" s="89">
        <v>2.0322080288316505E-2</v>
      </c>
      <c r="M225" s="189">
        <v>228</v>
      </c>
      <c r="N225" s="179">
        <v>5.2686322928064913</v>
      </c>
      <c r="O225" s="80">
        <v>0.20625721900812496</v>
      </c>
      <c r="P225" s="186">
        <v>0.15708016875488709</v>
      </c>
      <c r="Q225" s="89">
        <v>4.849919989052711E-2</v>
      </c>
      <c r="R225" s="186">
        <v>0.12561975859444538</v>
      </c>
      <c r="S225" s="89">
        <v>4.4456660981965518E-2</v>
      </c>
      <c r="T225" s="186">
        <v>0.70770346699163611</v>
      </c>
      <c r="U225" s="89">
        <v>5.9933016769842522E-2</v>
      </c>
      <c r="V225" s="186">
        <v>9.5966056590305049E-3</v>
      </c>
      <c r="W225" s="89">
        <v>1.7481994575432962E-2</v>
      </c>
      <c r="X225" s="189">
        <v>229</v>
      </c>
      <c r="Y225" s="179">
        <v>5.5489351934503555</v>
      </c>
      <c r="Z225" s="80">
        <v>0.21714616075364052</v>
      </c>
      <c r="AA225" s="186">
        <v>0.15802216304782526</v>
      </c>
      <c r="AB225" s="89">
        <v>4.8502396354450521E-2</v>
      </c>
      <c r="AC225" s="186">
        <v>7.7901109057285811E-2</v>
      </c>
      <c r="AD225" s="89">
        <v>3.6569025819908209E-2</v>
      </c>
      <c r="AE225" s="186">
        <v>0.75140508926942318</v>
      </c>
      <c r="AF225" s="89">
        <v>5.6953706937931094E-2</v>
      </c>
      <c r="AG225" s="186">
        <v>1.2671638625465016E-2</v>
      </c>
      <c r="AH225" s="89">
        <v>1.8803342827789359E-2</v>
      </c>
    </row>
    <row r="226" spans="1:34">
      <c r="A226" s="44" t="s">
        <v>545</v>
      </c>
      <c r="B226" s="190">
        <v>112</v>
      </c>
      <c r="C226" s="181">
        <v>5.7719850426763655</v>
      </c>
      <c r="D226" s="182">
        <v>0.24636444384121098</v>
      </c>
      <c r="E226" s="188">
        <v>7.7364610002640513E-2</v>
      </c>
      <c r="F226" s="92">
        <v>5.3654579585641404E-2</v>
      </c>
      <c r="G226" s="188">
        <v>0.10551644714490807</v>
      </c>
      <c r="H226" s="92">
        <v>6.0152081372100423E-2</v>
      </c>
      <c r="I226" s="188">
        <v>0.81711894285245124</v>
      </c>
      <c r="J226" s="92">
        <v>7.3402874226612527E-2</v>
      </c>
      <c r="K226" s="188">
        <v>0</v>
      </c>
      <c r="L226" s="92">
        <v>2.4171880321350918E-2</v>
      </c>
      <c r="M226" s="190">
        <v>112</v>
      </c>
      <c r="N226" s="181">
        <v>5.5205452730361628</v>
      </c>
      <c r="O226" s="182">
        <v>0.30173418632112359</v>
      </c>
      <c r="P226" s="188">
        <v>0.14895175527668505</v>
      </c>
      <c r="Q226" s="92">
        <v>6.8258522949736514E-2</v>
      </c>
      <c r="R226" s="188">
        <v>8.895941731691881E-2</v>
      </c>
      <c r="S226" s="92">
        <v>5.6476045357320891E-2</v>
      </c>
      <c r="T226" s="188">
        <v>0.75099544222919601</v>
      </c>
      <c r="U226" s="92">
        <v>8.1213027121140341E-2</v>
      </c>
      <c r="V226" s="188">
        <v>1.1093385177200044E-2</v>
      </c>
      <c r="W226" s="92">
        <v>3.0609276586098553E-2</v>
      </c>
      <c r="X226" s="190">
        <v>110</v>
      </c>
      <c r="Y226" s="181">
        <v>5.6104412808445971</v>
      </c>
      <c r="Z226" s="182">
        <v>0.31048304654640385</v>
      </c>
      <c r="AA226" s="188">
        <v>0.1385532741066412</v>
      </c>
      <c r="AB226" s="92">
        <v>6.7111691143212956E-2</v>
      </c>
      <c r="AC226" s="188">
        <v>0.10034896518673719</v>
      </c>
      <c r="AD226" s="92">
        <v>5.961599277094573E-2</v>
      </c>
      <c r="AE226" s="188">
        <v>0.76109776070662105</v>
      </c>
      <c r="AF226" s="92">
        <v>8.090020543676063E-2</v>
      </c>
      <c r="AG226" s="188">
        <v>0</v>
      </c>
      <c r="AH226" s="92">
        <v>2.4592162949139032E-2</v>
      </c>
    </row>
    <row r="227" spans="1:34">
      <c r="A227" s="52" t="s">
        <v>546</v>
      </c>
      <c r="B227" s="189">
        <v>290</v>
      </c>
      <c r="C227" s="179">
        <v>5.4592982565600794</v>
      </c>
      <c r="D227" s="80">
        <v>0.1823714235219116</v>
      </c>
      <c r="E227" s="186">
        <v>0.14267189925039245</v>
      </c>
      <c r="F227" s="89">
        <v>4.1365694592773006E-2</v>
      </c>
      <c r="G227" s="186">
        <v>8.2249424276526331E-2</v>
      </c>
      <c r="H227" s="89">
        <v>3.3032837614189722E-2</v>
      </c>
      <c r="I227" s="186">
        <v>0.77507867647308271</v>
      </c>
      <c r="J227" s="89">
        <v>4.8986561493399951E-2</v>
      </c>
      <c r="K227" s="186">
        <v>0</v>
      </c>
      <c r="L227" s="89">
        <v>9.5877217926457672E-3</v>
      </c>
      <c r="M227" s="189">
        <v>286</v>
      </c>
      <c r="N227" s="179">
        <v>5.373176851141567</v>
      </c>
      <c r="O227" s="80">
        <v>0.18613786019722595</v>
      </c>
      <c r="P227" s="186">
        <v>0.15560064176144384</v>
      </c>
      <c r="Q227" s="89">
        <v>4.3093889746233557E-2</v>
      </c>
      <c r="R227" s="186">
        <v>0.10377558361088736</v>
      </c>
      <c r="S227" s="89">
        <v>3.6635616165385389E-2</v>
      </c>
      <c r="T227" s="186">
        <v>0.73662213279447175</v>
      </c>
      <c r="U227" s="89">
        <v>5.1934158161921706E-2</v>
      </c>
      <c r="V227" s="186">
        <v>4.0016418331984384E-3</v>
      </c>
      <c r="W227" s="89">
        <v>1.2162932881987061E-2</v>
      </c>
      <c r="X227" s="189">
        <v>284</v>
      </c>
      <c r="Y227" s="179">
        <v>5.4555163144425922</v>
      </c>
      <c r="Z227" s="80">
        <v>0.20180866337177467</v>
      </c>
      <c r="AA227" s="186">
        <v>0.16704494687164853</v>
      </c>
      <c r="AB227" s="89">
        <v>4.4440810555589808E-2</v>
      </c>
      <c r="AC227" s="186">
        <v>8.4683958449416147E-2</v>
      </c>
      <c r="AD227" s="89">
        <v>3.3803071372079913E-2</v>
      </c>
      <c r="AE227" s="186">
        <v>0.74805120855506713</v>
      </c>
      <c r="AF227" s="89">
        <v>5.1392806307850411E-2</v>
      </c>
      <c r="AG227" s="186">
        <v>2.198861238691539E-4</v>
      </c>
      <c r="AH227" s="89">
        <v>9.9372983640688885E-3</v>
      </c>
    </row>
    <row r="228" spans="1:34">
      <c r="A228" s="44" t="s">
        <v>557</v>
      </c>
      <c r="B228" s="190">
        <v>112</v>
      </c>
      <c r="C228" s="181">
        <v>5.6065459160135598</v>
      </c>
      <c r="D228" s="182">
        <v>0.3000119179314395</v>
      </c>
      <c r="E228" s="188">
        <v>0.12136971325178136</v>
      </c>
      <c r="F228" s="92">
        <v>6.3342419019524254E-2</v>
      </c>
      <c r="G228" s="188">
        <v>6.3119808687958426E-2</v>
      </c>
      <c r="H228" s="92">
        <v>4.9852127713816613E-2</v>
      </c>
      <c r="I228" s="188">
        <v>0.81551047806026089</v>
      </c>
      <c r="J228" s="92">
        <v>7.3625349783198513E-2</v>
      </c>
      <c r="K228" s="188">
        <v>0</v>
      </c>
      <c r="L228" s="92">
        <v>2.4171880321350918E-2</v>
      </c>
      <c r="M228" s="190">
        <v>111</v>
      </c>
      <c r="N228" s="181">
        <v>5.4113815617990966</v>
      </c>
      <c r="O228" s="182">
        <v>0.31136831601896614</v>
      </c>
      <c r="P228" s="188">
        <v>0.15118941061830368</v>
      </c>
      <c r="Q228" s="92">
        <v>6.8941788317624708E-2</v>
      </c>
      <c r="R228" s="188">
        <v>9.2862013859417836E-2</v>
      </c>
      <c r="S228" s="92">
        <v>5.7655450621180375E-2</v>
      </c>
      <c r="T228" s="188">
        <v>0.7553420679466144</v>
      </c>
      <c r="U228" s="92">
        <v>8.1134814341512818E-2</v>
      </c>
      <c r="V228" s="188">
        <v>6.0650757566469685E-4</v>
      </c>
      <c r="W228" s="92">
        <v>2.4779762913832198E-2</v>
      </c>
      <c r="X228" s="190">
        <v>109</v>
      </c>
      <c r="Y228" s="181">
        <v>5.4302973413190854</v>
      </c>
      <c r="Z228" s="182">
        <v>0.34728337169745693</v>
      </c>
      <c r="AA228" s="188">
        <v>0.20845477519571851</v>
      </c>
      <c r="AB228" s="92">
        <v>7.778174068741632E-2</v>
      </c>
      <c r="AC228" s="188">
        <v>1.8981022107791935E-2</v>
      </c>
      <c r="AD228" s="92">
        <v>3.5053258609885084E-2</v>
      </c>
      <c r="AE228" s="188">
        <v>0.77256420269648995</v>
      </c>
      <c r="AF228" s="92">
        <v>8.0016640534984515E-2</v>
      </c>
      <c r="AG228" s="188">
        <v>0</v>
      </c>
      <c r="AH228" s="92">
        <v>2.4807832313658393E-2</v>
      </c>
    </row>
    <row r="229" spans="1:34">
      <c r="A229" s="52" t="s">
        <v>558</v>
      </c>
      <c r="B229" s="189">
        <v>114</v>
      </c>
      <c r="C229" s="179">
        <v>5.4538651740459905</v>
      </c>
      <c r="D229" s="80">
        <v>0.28997593535452909</v>
      </c>
      <c r="E229" s="186">
        <v>0.17297921585868545</v>
      </c>
      <c r="F229" s="89">
        <v>7.1351330522630943E-2</v>
      </c>
      <c r="G229" s="186">
        <v>4.5861887605519659E-2</v>
      </c>
      <c r="H229" s="89">
        <v>4.4150763804201743E-2</v>
      </c>
      <c r="I229" s="186">
        <v>0.78115889653579496</v>
      </c>
      <c r="J229" s="89">
        <v>7.728840609288791E-2</v>
      </c>
      <c r="K229" s="186">
        <v>0</v>
      </c>
      <c r="L229" s="89">
        <v>2.3765720057393202E-2</v>
      </c>
      <c r="M229" s="189">
        <v>112</v>
      </c>
      <c r="N229" s="179">
        <v>5.4537893670859425</v>
      </c>
      <c r="O229" s="80">
        <v>0.29105203894305737</v>
      </c>
      <c r="P229" s="186">
        <v>0.16126833645783825</v>
      </c>
      <c r="Q229" s="89">
        <v>7.023052496003121E-2</v>
      </c>
      <c r="R229" s="186">
        <v>7.591037810211955E-2</v>
      </c>
      <c r="S229" s="89">
        <v>5.3284443085315394E-2</v>
      </c>
      <c r="T229" s="186">
        <v>0.75265201616694166</v>
      </c>
      <c r="U229" s="89">
        <v>8.1047737333226441E-2</v>
      </c>
      <c r="V229" s="186">
        <v>1.016926927310066E-2</v>
      </c>
      <c r="W229" s="89">
        <v>3.013060157385327E-2</v>
      </c>
      <c r="X229" s="189">
        <v>113</v>
      </c>
      <c r="Y229" s="179">
        <v>5.7077632907844329</v>
      </c>
      <c r="Z229" s="80">
        <v>0.30584545352422915</v>
      </c>
      <c r="AA229" s="186">
        <v>0.13018277974063172</v>
      </c>
      <c r="AB229" s="89">
        <v>6.469568676524512E-2</v>
      </c>
      <c r="AC229" s="186">
        <v>8.5234824457786032E-2</v>
      </c>
      <c r="AD229" s="89">
        <v>5.5325461888066779E-2</v>
      </c>
      <c r="AE229" s="186">
        <v>0.78399846235406823</v>
      </c>
      <c r="AF229" s="89">
        <v>7.7297401549057551E-2</v>
      </c>
      <c r="AG229" s="186">
        <v>5.8393344751421299E-4</v>
      </c>
      <c r="AH229" s="89">
        <v>2.4352245899198901E-2</v>
      </c>
    </row>
    <row r="230" spans="1:34">
      <c r="A230" s="44" t="s">
        <v>549</v>
      </c>
      <c r="B230" s="190">
        <v>64</v>
      </c>
      <c r="C230" s="181">
        <v>5.2100781739430886</v>
      </c>
      <c r="D230" s="182">
        <v>0.37310824920524072</v>
      </c>
      <c r="E230" s="188">
        <v>0.13089450447576562</v>
      </c>
      <c r="F230" s="92">
        <v>8.7217719593742818E-2</v>
      </c>
      <c r="G230" s="188">
        <v>0.17472718603110571</v>
      </c>
      <c r="H230" s="92">
        <v>9.587947084439262E-2</v>
      </c>
      <c r="I230" s="188">
        <v>0.69437830949312873</v>
      </c>
      <c r="J230" s="92">
        <v>0.1128589401408729</v>
      </c>
      <c r="K230" s="188">
        <v>0</v>
      </c>
      <c r="L230" s="92">
        <v>4.097826741289623E-2</v>
      </c>
      <c r="M230" s="190">
        <v>63</v>
      </c>
      <c r="N230" s="181">
        <v>5.1752277453341966</v>
      </c>
      <c r="O230" s="182">
        <v>0.38364493075663186</v>
      </c>
      <c r="P230" s="188">
        <v>0.15422235432398484</v>
      </c>
      <c r="Q230" s="92">
        <v>9.2812682257513046E-2</v>
      </c>
      <c r="R230" s="188">
        <v>0.16859450850261493</v>
      </c>
      <c r="S230" s="92">
        <v>9.5540229900838936E-2</v>
      </c>
      <c r="T230" s="188">
        <v>0.67718313717340028</v>
      </c>
      <c r="U230" s="92">
        <v>0.1151877794191728</v>
      </c>
      <c r="V230" s="188">
        <v>0</v>
      </c>
      <c r="W230" s="92">
        <v>4.1580477060619639E-2</v>
      </c>
      <c r="X230" s="190">
        <v>62</v>
      </c>
      <c r="Y230" s="181">
        <v>5.0743637528883241</v>
      </c>
      <c r="Z230" s="182">
        <v>0.40104107879256556</v>
      </c>
      <c r="AA230" s="188">
        <v>0.15481994519732289</v>
      </c>
      <c r="AB230" s="92">
        <v>9.3696938604412056E-2</v>
      </c>
      <c r="AC230" s="188">
        <v>0.20211678489347906</v>
      </c>
      <c r="AD230" s="92">
        <v>0.10200871808233929</v>
      </c>
      <c r="AE230" s="188">
        <v>0.64306326990919827</v>
      </c>
      <c r="AF230" s="92">
        <v>0.11856173017397201</v>
      </c>
      <c r="AG230" s="188">
        <v>0</v>
      </c>
      <c r="AH230" s="92">
        <v>4.2200643868047963E-2</v>
      </c>
    </row>
    <row r="231" spans="1:34">
      <c r="A231" s="52" t="s">
        <v>550</v>
      </c>
      <c r="B231" s="189">
        <v>162</v>
      </c>
      <c r="C231" s="179">
        <v>5.4649034849565288</v>
      </c>
      <c r="D231" s="80">
        <v>0.2322475050278956</v>
      </c>
      <c r="E231" s="186">
        <v>0.11815181400855131</v>
      </c>
      <c r="F231" s="89">
        <v>5.1748743037102821E-2</v>
      </c>
      <c r="G231" s="186">
        <v>0.13049968211194432</v>
      </c>
      <c r="H231" s="89">
        <v>5.3766568866725171E-2</v>
      </c>
      <c r="I231" s="186">
        <v>0.75089218623362786</v>
      </c>
      <c r="J231" s="89">
        <v>6.7672162717942061E-2</v>
      </c>
      <c r="K231" s="186">
        <v>4.5631764587616833E-4</v>
      </c>
      <c r="L231" s="89">
        <v>1.7242024102449537E-2</v>
      </c>
      <c r="M231" s="189">
        <v>161</v>
      </c>
      <c r="N231" s="179">
        <v>5.0127524016116283</v>
      </c>
      <c r="O231" s="80">
        <v>0.26858243006408744</v>
      </c>
      <c r="P231" s="186">
        <v>0.21172186181778618</v>
      </c>
      <c r="Q231" s="89">
        <v>6.436188853978389E-2</v>
      </c>
      <c r="R231" s="186">
        <v>0.16339930982586207</v>
      </c>
      <c r="S231" s="89">
        <v>5.8698350403447314E-2</v>
      </c>
      <c r="T231" s="186">
        <v>0.62487882835635122</v>
      </c>
      <c r="U231" s="89">
        <v>7.550271454217275E-2</v>
      </c>
      <c r="V231" s="186">
        <v>0</v>
      </c>
      <c r="W231" s="89">
        <v>1.703777502754053E-2</v>
      </c>
      <c r="X231" s="189">
        <v>161</v>
      </c>
      <c r="Y231" s="179">
        <v>5.0247569491571875</v>
      </c>
      <c r="Z231" s="80">
        <v>0.29398802748149028</v>
      </c>
      <c r="AA231" s="186">
        <v>0.24177912994332026</v>
      </c>
      <c r="AB231" s="89">
        <v>6.7242783910733836E-2</v>
      </c>
      <c r="AC231" s="186">
        <v>0.12277495034754207</v>
      </c>
      <c r="AD231" s="89">
        <v>5.2689362135933344E-2</v>
      </c>
      <c r="AE231" s="186">
        <v>0.63544591970913755</v>
      </c>
      <c r="AF231" s="89">
        <v>7.5081064023542768E-2</v>
      </c>
      <c r="AG231" s="186">
        <v>0</v>
      </c>
      <c r="AH231" s="89">
        <v>1.703777502754053E-2</v>
      </c>
    </row>
    <row r="232" spans="1:34">
      <c r="A232" s="44" t="s">
        <v>551</v>
      </c>
      <c r="B232" s="190">
        <v>677</v>
      </c>
      <c r="C232" s="181">
        <v>5.1257220686446168</v>
      </c>
      <c r="D232" s="182">
        <v>0.1183143093256321</v>
      </c>
      <c r="E232" s="188">
        <v>0.14774954853629266</v>
      </c>
      <c r="F232" s="92">
        <v>2.735237661403549E-2</v>
      </c>
      <c r="G232" s="188">
        <v>0.17016432427353195</v>
      </c>
      <c r="H232" s="92">
        <v>2.8929271699043097E-2</v>
      </c>
      <c r="I232" s="188">
        <v>0.66484979596527927</v>
      </c>
      <c r="J232" s="92">
        <v>3.6203280610665897E-2</v>
      </c>
      <c r="K232" s="188">
        <v>1.7236331224902895E-2</v>
      </c>
      <c r="L232" s="92">
        <v>1.0748510646941422E-2</v>
      </c>
      <c r="M232" s="190">
        <v>673</v>
      </c>
      <c r="N232" s="181">
        <v>4.8261571667189997</v>
      </c>
      <c r="O232" s="182">
        <v>0.12359750492347624</v>
      </c>
      <c r="P232" s="188">
        <v>0.1926975539162899</v>
      </c>
      <c r="Q232" s="92">
        <v>3.0425619958712326E-2</v>
      </c>
      <c r="R232" s="188">
        <v>0.19725850553549384</v>
      </c>
      <c r="S232" s="92">
        <v>3.0691434223622034E-2</v>
      </c>
      <c r="T232" s="188">
        <v>0.59741735937794149</v>
      </c>
      <c r="U232" s="92">
        <v>3.7705354636243235E-2</v>
      </c>
      <c r="V232" s="188">
        <v>1.2626581170279962E-2</v>
      </c>
      <c r="W232" s="92">
        <v>9.4971801525317295E-3</v>
      </c>
      <c r="X232" s="190">
        <v>674</v>
      </c>
      <c r="Y232" s="181">
        <v>4.8307138224265689</v>
      </c>
      <c r="Z232" s="182">
        <v>0.14959570488633567</v>
      </c>
      <c r="AA232" s="188">
        <v>0.26334800915334172</v>
      </c>
      <c r="AB232" s="92">
        <v>3.3888129509643698E-2</v>
      </c>
      <c r="AC232" s="188">
        <v>0.12530165084196346</v>
      </c>
      <c r="AD232" s="92">
        <v>2.5619508143118152E-2</v>
      </c>
      <c r="AE232" s="188">
        <v>0.59902482175987293</v>
      </c>
      <c r="AF232" s="92">
        <v>3.7653085554930632E-2</v>
      </c>
      <c r="AG232" s="188">
        <v>1.2325518244827303E-2</v>
      </c>
      <c r="AH232" s="92">
        <v>9.3982779904271743E-3</v>
      </c>
    </row>
  </sheetData>
  <mergeCells count="27">
    <mergeCell ref="A3:D3"/>
    <mergeCell ref="A4:D4"/>
    <mergeCell ref="A5:D5"/>
    <mergeCell ref="I34:O34"/>
    <mergeCell ref="A33:V33"/>
    <mergeCell ref="A32:V32"/>
    <mergeCell ref="A91:V91"/>
    <mergeCell ref="A90:V90"/>
    <mergeCell ref="B34:H34"/>
    <mergeCell ref="A61:D61"/>
    <mergeCell ref="A62:D62"/>
    <mergeCell ref="A63:D63"/>
    <mergeCell ref="X208:AH208"/>
    <mergeCell ref="P92:V92"/>
    <mergeCell ref="A177:D177"/>
    <mergeCell ref="A178:D178"/>
    <mergeCell ref="A179:D179"/>
    <mergeCell ref="B208:L208"/>
    <mergeCell ref="M208:W208"/>
    <mergeCell ref="A207:AH207"/>
    <mergeCell ref="A206:AH206"/>
    <mergeCell ref="B92:H92"/>
    <mergeCell ref="I92:O92"/>
    <mergeCell ref="A149:J149"/>
    <mergeCell ref="A148:J148"/>
    <mergeCell ref="A121:L121"/>
    <mergeCell ref="A120:L120"/>
  </mergeCells>
  <pageMargins left="0.7" right="0.7" top="0.75" bottom="0.75" header="0.3" footer="0.3"/>
  <pageSetup paperSize="9" orientation="portrait" r:id="rId1"/>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A00-000000000000}">
  <dimension ref="A1:BD435"/>
  <sheetViews>
    <sheetView zoomScaleNormal="100" workbookViewId="0"/>
  </sheetViews>
  <sheetFormatPr defaultColWidth="17.5703125" defaultRowHeight="15"/>
  <cols>
    <col min="1" max="1" width="41.85546875" customWidth="1"/>
  </cols>
  <sheetData>
    <row r="1" spans="1:4" ht="31.5">
      <c r="A1" s="30" t="s">
        <v>47</v>
      </c>
    </row>
    <row r="3" spans="1:4" ht="18.75">
      <c r="A3" s="342" t="s">
        <v>405</v>
      </c>
      <c r="B3" s="342"/>
      <c r="C3" s="342"/>
      <c r="D3" s="342"/>
    </row>
    <row r="4" spans="1:4" ht="150" customHeight="1">
      <c r="A4" s="398" t="s">
        <v>413</v>
      </c>
      <c r="B4" s="398"/>
      <c r="C4" s="398"/>
      <c r="D4" s="398"/>
    </row>
    <row r="5" spans="1:4" ht="37.5" customHeight="1">
      <c r="A5" s="409" t="s">
        <v>406</v>
      </c>
      <c r="B5" s="348"/>
      <c r="C5" s="348"/>
      <c r="D5" s="348"/>
    </row>
    <row r="6" spans="1:4" ht="72">
      <c r="A6" s="32" t="s">
        <v>71</v>
      </c>
      <c r="B6" s="33" t="s">
        <v>72</v>
      </c>
      <c r="C6" s="34" t="s">
        <v>592</v>
      </c>
      <c r="D6" s="35" t="s">
        <v>73</v>
      </c>
    </row>
    <row r="7" spans="1:4" ht="72">
      <c r="A7" s="36"/>
      <c r="B7" s="37" t="s">
        <v>74</v>
      </c>
      <c r="C7" s="123" t="s">
        <v>304</v>
      </c>
      <c r="D7" s="39" t="s">
        <v>76</v>
      </c>
    </row>
    <row r="8" spans="1:4">
      <c r="A8" s="40" t="s">
        <v>350</v>
      </c>
      <c r="B8" s="161">
        <v>11350</v>
      </c>
      <c r="C8" s="162">
        <v>5.0012250453152456</v>
      </c>
      <c r="D8" s="81">
        <v>2.6654095715108173E-2</v>
      </c>
    </row>
    <row r="9" spans="1:4">
      <c r="A9" s="44" t="s">
        <v>351</v>
      </c>
      <c r="B9" s="44">
        <v>8248</v>
      </c>
      <c r="C9" s="164">
        <v>4.6646435909456647</v>
      </c>
      <c r="D9" s="82">
        <v>3.1743325340428702E-2</v>
      </c>
    </row>
    <row r="10" spans="1:4">
      <c r="A10" s="40" t="s">
        <v>352</v>
      </c>
      <c r="B10" s="48">
        <v>3102</v>
      </c>
      <c r="C10" s="162">
        <v>5.2648196685549573</v>
      </c>
      <c r="D10" s="81">
        <v>4.3328721073501671E-2</v>
      </c>
    </row>
    <row r="11" spans="1:4">
      <c r="A11" s="44" t="s">
        <v>555</v>
      </c>
      <c r="B11" s="44">
        <v>2999</v>
      </c>
      <c r="C11" s="164">
        <v>4.9827214835430782</v>
      </c>
      <c r="D11" s="82">
        <v>5.35683511224051E-2</v>
      </c>
    </row>
    <row r="12" spans="1:4">
      <c r="A12" s="40" t="s">
        <v>556</v>
      </c>
      <c r="B12" s="48">
        <v>2444</v>
      </c>
      <c r="C12" s="162">
        <v>4.5832776738579035</v>
      </c>
      <c r="D12" s="81">
        <v>5.8993872459154786E-2</v>
      </c>
    </row>
    <row r="13" spans="1:4">
      <c r="A13" s="44" t="s">
        <v>536</v>
      </c>
      <c r="B13" s="44">
        <v>279</v>
      </c>
      <c r="C13" s="164">
        <v>5.1078392533354364</v>
      </c>
      <c r="D13" s="82">
        <v>0.1650398779666622</v>
      </c>
    </row>
    <row r="14" spans="1:4">
      <c r="A14" s="40" t="s">
        <v>537</v>
      </c>
      <c r="B14" s="48">
        <v>142</v>
      </c>
      <c r="C14" s="162">
        <v>5.5511250264237297</v>
      </c>
      <c r="D14" s="81">
        <v>0.19091050252799532</v>
      </c>
    </row>
    <row r="15" spans="1:4">
      <c r="A15" s="44" t="s">
        <v>538</v>
      </c>
      <c r="B15" s="44">
        <v>74</v>
      </c>
      <c r="C15" s="164">
        <v>4.2365900311727778</v>
      </c>
      <c r="D15" s="82">
        <v>0.33309720386209951</v>
      </c>
    </row>
    <row r="16" spans="1:4">
      <c r="A16" s="40" t="s">
        <v>539</v>
      </c>
      <c r="B16" s="48">
        <v>209</v>
      </c>
      <c r="C16" s="162">
        <v>3.897439335144337</v>
      </c>
      <c r="D16" s="81">
        <v>0.19796416467595881</v>
      </c>
    </row>
    <row r="17" spans="1:56">
      <c r="A17" s="44" t="s">
        <v>540</v>
      </c>
      <c r="B17" s="44">
        <v>77</v>
      </c>
      <c r="C17" s="164">
        <v>3.2451788546864706</v>
      </c>
      <c r="D17" s="82">
        <v>0.28562233663047637</v>
      </c>
    </row>
    <row r="18" spans="1:56" ht="25.5">
      <c r="A18" s="40" t="s">
        <v>541</v>
      </c>
      <c r="B18" s="161">
        <v>76</v>
      </c>
      <c r="C18" s="162">
        <v>4.032952507732972</v>
      </c>
      <c r="D18" s="81">
        <v>0.33380821884935047</v>
      </c>
    </row>
    <row r="19" spans="1:56">
      <c r="A19" s="44" t="s">
        <v>542</v>
      </c>
      <c r="B19" s="163">
        <v>56</v>
      </c>
      <c r="C19" s="164">
        <v>4.5065081299487426</v>
      </c>
      <c r="D19" s="82">
        <v>0.37864281411617762</v>
      </c>
    </row>
    <row r="20" spans="1:56">
      <c r="A20" s="40" t="s">
        <v>543</v>
      </c>
      <c r="B20" s="78">
        <v>378</v>
      </c>
      <c r="C20" s="162">
        <v>4.6453424739786655</v>
      </c>
      <c r="D20" s="81">
        <v>0.1462676277309381</v>
      </c>
    </row>
    <row r="21" spans="1:56">
      <c r="A21" s="44" t="s">
        <v>616</v>
      </c>
      <c r="B21" s="163">
        <v>197</v>
      </c>
      <c r="C21" s="164">
        <v>4.4821211818603777</v>
      </c>
      <c r="D21" s="82">
        <v>0.20028824342179372</v>
      </c>
    </row>
    <row r="22" spans="1:56">
      <c r="A22" s="52" t="s">
        <v>544</v>
      </c>
      <c r="B22" s="161">
        <v>181</v>
      </c>
      <c r="C22" s="162">
        <v>4.7983551815160448</v>
      </c>
      <c r="D22" s="81">
        <v>0.21013002763265376</v>
      </c>
    </row>
    <row r="23" spans="1:56">
      <c r="A23" s="44" t="s">
        <v>545</v>
      </c>
      <c r="B23" s="163">
        <v>93</v>
      </c>
      <c r="C23" s="164">
        <v>4.7025768162996506</v>
      </c>
      <c r="D23" s="82">
        <v>0.30920914056646487</v>
      </c>
    </row>
    <row r="24" spans="1:56">
      <c r="A24" s="52" t="s">
        <v>546</v>
      </c>
      <c r="B24" s="161">
        <v>249</v>
      </c>
      <c r="C24" s="162">
        <v>3.9191423426358272</v>
      </c>
      <c r="D24" s="81">
        <v>0.18649920973626599</v>
      </c>
    </row>
    <row r="25" spans="1:56">
      <c r="A25" s="44" t="s">
        <v>557</v>
      </c>
      <c r="B25" s="163">
        <v>100</v>
      </c>
      <c r="C25" s="164">
        <v>3.9673468882292267</v>
      </c>
      <c r="D25" s="82">
        <v>0.30089728818379807</v>
      </c>
    </row>
    <row r="26" spans="1:56">
      <c r="A26" s="52" t="s">
        <v>558</v>
      </c>
      <c r="B26" s="161">
        <v>96</v>
      </c>
      <c r="C26" s="162">
        <v>3.8059661884255269</v>
      </c>
      <c r="D26" s="81">
        <v>0.28532499754050861</v>
      </c>
    </row>
    <row r="27" spans="1:56">
      <c r="A27" s="44" t="s">
        <v>549</v>
      </c>
      <c r="B27" s="163">
        <v>53</v>
      </c>
      <c r="C27" s="164">
        <v>4.0248391518852245</v>
      </c>
      <c r="D27" s="82">
        <v>0.42704848106643423</v>
      </c>
    </row>
    <row r="28" spans="1:56">
      <c r="A28" s="52" t="s">
        <v>550</v>
      </c>
      <c r="B28" s="161">
        <v>131</v>
      </c>
      <c r="C28" s="162">
        <v>4.3005544079307647</v>
      </c>
      <c r="D28" s="81">
        <v>0.24666208809567786</v>
      </c>
    </row>
    <row r="29" spans="1:56">
      <c r="A29" s="44" t="s">
        <v>551</v>
      </c>
      <c r="B29" s="163">
        <v>576</v>
      </c>
      <c r="C29" s="164">
        <v>5.2505300331643081</v>
      </c>
      <c r="D29" s="82">
        <v>0.10776696748376165</v>
      </c>
    </row>
    <row r="32" spans="1:56" ht="18.75">
      <c r="A32" s="342" t="s">
        <v>407</v>
      </c>
      <c r="B32" s="342"/>
      <c r="C32" s="342"/>
      <c r="D32" s="342"/>
      <c r="E32" s="342"/>
      <c r="F32" s="342"/>
      <c r="G32" s="342"/>
      <c r="H32" s="342"/>
      <c r="I32" s="342"/>
      <c r="J32" s="342"/>
      <c r="K32" s="342"/>
      <c r="L32" s="342"/>
      <c r="M32" s="342"/>
      <c r="N32" s="342"/>
      <c r="O32" s="342"/>
      <c r="P32" s="342"/>
      <c r="Q32" s="342"/>
      <c r="R32" s="342"/>
      <c r="S32" s="342"/>
      <c r="T32" s="342"/>
      <c r="U32" s="342"/>
      <c r="V32" s="342"/>
      <c r="W32" s="342"/>
      <c r="X32" s="342"/>
      <c r="Y32" s="342"/>
      <c r="Z32" s="342"/>
      <c r="AA32" s="342"/>
      <c r="AB32" s="342"/>
      <c r="AC32" s="342"/>
      <c r="AD32" s="342"/>
      <c r="AE32" s="342"/>
      <c r="AF32" s="342"/>
      <c r="AG32" s="342"/>
      <c r="AH32" s="342"/>
      <c r="AI32" s="342"/>
      <c r="AJ32" s="342"/>
      <c r="AK32" s="342"/>
      <c r="AL32" s="342"/>
      <c r="AM32" s="342"/>
      <c r="AN32" s="342"/>
      <c r="AO32" s="342"/>
      <c r="AP32" s="342"/>
      <c r="AQ32" s="342"/>
      <c r="AR32" s="342"/>
      <c r="AS32" s="342"/>
      <c r="AT32" s="342"/>
      <c r="AU32" s="342"/>
      <c r="AV32" s="342"/>
      <c r="AW32" s="342"/>
      <c r="AX32" s="342"/>
      <c r="AY32" s="342"/>
      <c r="AZ32" s="342"/>
      <c r="BA32" s="342"/>
      <c r="BB32" s="342"/>
      <c r="BC32" s="342"/>
      <c r="BD32" s="342"/>
    </row>
    <row r="33" spans="1:56" ht="90" customHeight="1">
      <c r="A33" s="424" t="s">
        <v>602</v>
      </c>
      <c r="B33" s="424"/>
      <c r="C33" s="424"/>
      <c r="D33" s="424"/>
      <c r="E33" s="424"/>
      <c r="F33" s="424"/>
      <c r="G33" s="424"/>
      <c r="H33" s="424"/>
      <c r="I33" s="424"/>
      <c r="J33" s="424"/>
      <c r="K33" s="424"/>
      <c r="L33" s="424"/>
      <c r="M33" s="424"/>
      <c r="N33" s="424"/>
      <c r="O33" s="424"/>
      <c r="P33" s="424"/>
      <c r="Q33" s="424"/>
      <c r="R33" s="424"/>
      <c r="S33" s="424"/>
      <c r="T33" s="424"/>
      <c r="U33" s="424"/>
      <c r="V33" s="424"/>
      <c r="W33" s="424"/>
      <c r="X33" s="424"/>
      <c r="Y33" s="424"/>
      <c r="Z33" s="424"/>
      <c r="AA33" s="424"/>
      <c r="AB33" s="424"/>
      <c r="AC33" s="424"/>
      <c r="AD33" s="424"/>
      <c r="AE33" s="424"/>
      <c r="AF33" s="424"/>
      <c r="AG33" s="424"/>
      <c r="AH33" s="424"/>
      <c r="AI33" s="424"/>
      <c r="AJ33" s="424"/>
      <c r="AK33" s="424"/>
      <c r="AL33" s="424"/>
      <c r="AM33" s="424"/>
      <c r="AN33" s="424"/>
      <c r="AO33" s="424"/>
      <c r="AP33" s="424"/>
      <c r="AQ33" s="424"/>
      <c r="AR33" s="424"/>
      <c r="AS33" s="424"/>
      <c r="AT33" s="424"/>
      <c r="AU33" s="424"/>
      <c r="AV33" s="424"/>
      <c r="AW33" s="424"/>
      <c r="AX33" s="424"/>
      <c r="AY33" s="424"/>
      <c r="AZ33" s="424"/>
      <c r="BA33" s="424"/>
      <c r="BB33" s="424"/>
      <c r="BC33" s="424"/>
      <c r="BD33" s="424"/>
    </row>
    <row r="34" spans="1:56" ht="34.5" customHeight="1">
      <c r="A34" s="59"/>
      <c r="B34" s="392" t="s">
        <v>408</v>
      </c>
      <c r="C34" s="393"/>
      <c r="D34" s="393"/>
      <c r="E34" s="393"/>
      <c r="F34" s="393"/>
      <c r="G34" s="393"/>
      <c r="H34" s="393"/>
      <c r="I34" s="393"/>
      <c r="J34" s="393"/>
      <c r="K34" s="393"/>
      <c r="L34" s="394"/>
      <c r="M34" s="410" t="s">
        <v>409</v>
      </c>
      <c r="N34" s="411"/>
      <c r="O34" s="411"/>
      <c r="P34" s="411"/>
      <c r="Q34" s="411"/>
      <c r="R34" s="411"/>
      <c r="S34" s="411"/>
      <c r="T34" s="411"/>
      <c r="U34" s="411"/>
      <c r="V34" s="411"/>
      <c r="W34" s="411"/>
      <c r="X34" s="392" t="s">
        <v>410</v>
      </c>
      <c r="Y34" s="393"/>
      <c r="Z34" s="393"/>
      <c r="AA34" s="393"/>
      <c r="AB34" s="393"/>
      <c r="AC34" s="393"/>
      <c r="AD34" s="393"/>
      <c r="AE34" s="393"/>
      <c r="AF34" s="393"/>
      <c r="AG34" s="393"/>
      <c r="AH34" s="394"/>
      <c r="AI34" s="410" t="s">
        <v>411</v>
      </c>
      <c r="AJ34" s="411"/>
      <c r="AK34" s="411"/>
      <c r="AL34" s="411"/>
      <c r="AM34" s="411"/>
      <c r="AN34" s="411"/>
      <c r="AO34" s="411"/>
      <c r="AP34" s="411"/>
      <c r="AQ34" s="411"/>
      <c r="AR34" s="411"/>
      <c r="AS34" s="411"/>
      <c r="AT34" s="392" t="s">
        <v>412</v>
      </c>
      <c r="AU34" s="393"/>
      <c r="AV34" s="393"/>
      <c r="AW34" s="393"/>
      <c r="AX34" s="393"/>
      <c r="AY34" s="393"/>
      <c r="AZ34" s="393"/>
      <c r="BA34" s="393"/>
      <c r="BB34" s="393"/>
      <c r="BC34" s="393"/>
      <c r="BD34" s="394"/>
    </row>
    <row r="35" spans="1:56" ht="49.5" customHeight="1">
      <c r="A35" s="32" t="s">
        <v>71</v>
      </c>
      <c r="B35" s="33" t="s">
        <v>72</v>
      </c>
      <c r="C35" s="34" t="s">
        <v>592</v>
      </c>
      <c r="D35" s="35" t="s">
        <v>73</v>
      </c>
      <c r="E35" s="33" t="s">
        <v>312</v>
      </c>
      <c r="F35" s="84" t="s">
        <v>143</v>
      </c>
      <c r="G35" s="33" t="s">
        <v>313</v>
      </c>
      <c r="H35" s="84" t="s">
        <v>144</v>
      </c>
      <c r="I35" s="33" t="s">
        <v>314</v>
      </c>
      <c r="J35" s="84" t="s">
        <v>117</v>
      </c>
      <c r="K35" s="33" t="s">
        <v>301</v>
      </c>
      <c r="L35" s="84" t="s">
        <v>315</v>
      </c>
      <c r="M35" s="60" t="s">
        <v>72</v>
      </c>
      <c r="N35" s="61" t="s">
        <v>592</v>
      </c>
      <c r="O35" s="62" t="s">
        <v>73</v>
      </c>
      <c r="P35" s="60" t="s">
        <v>312</v>
      </c>
      <c r="Q35" s="83" t="s">
        <v>143</v>
      </c>
      <c r="R35" s="60" t="s">
        <v>316</v>
      </c>
      <c r="S35" s="83" t="s">
        <v>317</v>
      </c>
      <c r="T35" s="60" t="s">
        <v>314</v>
      </c>
      <c r="U35" s="83" t="s">
        <v>117</v>
      </c>
      <c r="V35" s="60" t="s">
        <v>301</v>
      </c>
      <c r="W35" s="83" t="s">
        <v>315</v>
      </c>
      <c r="X35" s="33" t="s">
        <v>72</v>
      </c>
      <c r="Y35" s="34" t="s">
        <v>592</v>
      </c>
      <c r="Z35" s="35" t="s">
        <v>73</v>
      </c>
      <c r="AA35" s="33" t="s">
        <v>312</v>
      </c>
      <c r="AB35" s="84" t="s">
        <v>143</v>
      </c>
      <c r="AC35" s="33" t="s">
        <v>313</v>
      </c>
      <c r="AD35" s="84" t="s">
        <v>144</v>
      </c>
      <c r="AE35" s="33" t="s">
        <v>314</v>
      </c>
      <c r="AF35" s="84" t="s">
        <v>117</v>
      </c>
      <c r="AG35" s="33" t="s">
        <v>301</v>
      </c>
      <c r="AH35" s="84" t="s">
        <v>315</v>
      </c>
      <c r="AI35" s="60" t="s">
        <v>72</v>
      </c>
      <c r="AJ35" s="61" t="s">
        <v>592</v>
      </c>
      <c r="AK35" s="62" t="s">
        <v>73</v>
      </c>
      <c r="AL35" s="60" t="s">
        <v>312</v>
      </c>
      <c r="AM35" s="83" t="s">
        <v>143</v>
      </c>
      <c r="AN35" s="60" t="s">
        <v>316</v>
      </c>
      <c r="AO35" s="83" t="s">
        <v>317</v>
      </c>
      <c r="AP35" s="60" t="s">
        <v>314</v>
      </c>
      <c r="AQ35" s="83" t="s">
        <v>117</v>
      </c>
      <c r="AR35" s="60" t="s">
        <v>301</v>
      </c>
      <c r="AS35" s="83" t="s">
        <v>315</v>
      </c>
      <c r="AT35" s="33" t="s">
        <v>72</v>
      </c>
      <c r="AU35" s="34" t="s">
        <v>592</v>
      </c>
      <c r="AV35" s="35" t="s">
        <v>73</v>
      </c>
      <c r="AW35" s="33" t="s">
        <v>312</v>
      </c>
      <c r="AX35" s="84" t="s">
        <v>143</v>
      </c>
      <c r="AY35" s="33" t="s">
        <v>313</v>
      </c>
      <c r="AZ35" s="84" t="s">
        <v>144</v>
      </c>
      <c r="BA35" s="33" t="s">
        <v>314</v>
      </c>
      <c r="BB35" s="84" t="s">
        <v>117</v>
      </c>
      <c r="BC35" s="33" t="s">
        <v>301</v>
      </c>
      <c r="BD35" s="84" t="s">
        <v>315</v>
      </c>
    </row>
    <row r="36" spans="1:56" ht="72">
      <c r="A36" s="36"/>
      <c r="B36" s="37" t="s">
        <v>74</v>
      </c>
      <c r="C36" s="123" t="s">
        <v>304</v>
      </c>
      <c r="D36" s="39" t="s">
        <v>76</v>
      </c>
      <c r="E36" s="37" t="s">
        <v>159</v>
      </c>
      <c r="F36" s="86" t="s">
        <v>88</v>
      </c>
      <c r="G36" s="37" t="s">
        <v>160</v>
      </c>
      <c r="H36" s="86" t="s">
        <v>88</v>
      </c>
      <c r="I36" s="37" t="s">
        <v>161</v>
      </c>
      <c r="J36" s="86" t="s">
        <v>88</v>
      </c>
      <c r="K36" s="37" t="s">
        <v>301</v>
      </c>
      <c r="L36" s="86" t="s">
        <v>88</v>
      </c>
      <c r="M36" s="63" t="s">
        <v>74</v>
      </c>
      <c r="N36" s="254" t="s">
        <v>304</v>
      </c>
      <c r="O36" s="65" t="s">
        <v>76</v>
      </c>
      <c r="P36" s="63" t="s">
        <v>159</v>
      </c>
      <c r="Q36" s="85" t="s">
        <v>88</v>
      </c>
      <c r="R36" s="63" t="s">
        <v>160</v>
      </c>
      <c r="S36" s="85" t="s">
        <v>88</v>
      </c>
      <c r="T36" s="63" t="s">
        <v>161</v>
      </c>
      <c r="U36" s="85" t="s">
        <v>88</v>
      </c>
      <c r="V36" s="63" t="s">
        <v>301</v>
      </c>
      <c r="W36" s="85" t="s">
        <v>88</v>
      </c>
      <c r="X36" s="37" t="s">
        <v>74</v>
      </c>
      <c r="Y36" s="123" t="s">
        <v>304</v>
      </c>
      <c r="Z36" s="39" t="s">
        <v>76</v>
      </c>
      <c r="AA36" s="37" t="s">
        <v>159</v>
      </c>
      <c r="AB36" s="86" t="s">
        <v>88</v>
      </c>
      <c r="AC36" s="37" t="s">
        <v>160</v>
      </c>
      <c r="AD36" s="86" t="s">
        <v>88</v>
      </c>
      <c r="AE36" s="37" t="s">
        <v>161</v>
      </c>
      <c r="AF36" s="86" t="s">
        <v>88</v>
      </c>
      <c r="AG36" s="37" t="s">
        <v>301</v>
      </c>
      <c r="AH36" s="86" t="s">
        <v>88</v>
      </c>
      <c r="AI36" s="63" t="s">
        <v>74</v>
      </c>
      <c r="AJ36" s="254" t="s">
        <v>304</v>
      </c>
      <c r="AK36" s="65" t="s">
        <v>76</v>
      </c>
      <c r="AL36" s="63" t="s">
        <v>159</v>
      </c>
      <c r="AM36" s="85" t="s">
        <v>88</v>
      </c>
      <c r="AN36" s="63" t="s">
        <v>160</v>
      </c>
      <c r="AO36" s="85" t="s">
        <v>88</v>
      </c>
      <c r="AP36" s="63" t="s">
        <v>161</v>
      </c>
      <c r="AQ36" s="85" t="s">
        <v>88</v>
      </c>
      <c r="AR36" s="63" t="s">
        <v>301</v>
      </c>
      <c r="AS36" s="85" t="s">
        <v>88</v>
      </c>
      <c r="AT36" s="37" t="s">
        <v>74</v>
      </c>
      <c r="AU36" s="123" t="s">
        <v>304</v>
      </c>
      <c r="AV36" s="39" t="s">
        <v>76</v>
      </c>
      <c r="AW36" s="37" t="s">
        <v>159</v>
      </c>
      <c r="AX36" s="86" t="s">
        <v>88</v>
      </c>
      <c r="AY36" s="37" t="s">
        <v>160</v>
      </c>
      <c r="AZ36" s="86" t="s">
        <v>88</v>
      </c>
      <c r="BA36" s="37" t="s">
        <v>161</v>
      </c>
      <c r="BB36" s="86" t="s">
        <v>88</v>
      </c>
      <c r="BC36" s="37" t="s">
        <v>301</v>
      </c>
      <c r="BD36" s="86" t="s">
        <v>88</v>
      </c>
    </row>
    <row r="37" spans="1:56">
      <c r="A37" s="40" t="s">
        <v>350</v>
      </c>
      <c r="B37" s="191">
        <v>13940</v>
      </c>
      <c r="C37" s="79">
        <v>5.3923572280825276</v>
      </c>
      <c r="D37" s="80">
        <v>2.9743774228974319E-2</v>
      </c>
      <c r="E37" s="193">
        <v>0.13862554606183874</v>
      </c>
      <c r="F37" s="89">
        <v>5.8545042434810807E-3</v>
      </c>
      <c r="G37" s="193">
        <v>0.10636068005020874</v>
      </c>
      <c r="H37" s="89">
        <v>5.2240938731128147E-3</v>
      </c>
      <c r="I37" s="193">
        <v>0.74136904747388854</v>
      </c>
      <c r="J37" s="89">
        <v>7.4170571949616374E-3</v>
      </c>
      <c r="K37" s="193">
        <v>1.3644726414063765E-2</v>
      </c>
      <c r="L37" s="89">
        <v>1.974757352491056E-3</v>
      </c>
      <c r="M37" s="191">
        <v>13891</v>
      </c>
      <c r="N37" s="79">
        <v>4.4888687252785306</v>
      </c>
      <c r="O37" s="80">
        <v>3.5824400742918844E-2</v>
      </c>
      <c r="P37" s="193">
        <v>0.25315772708698303</v>
      </c>
      <c r="Q37" s="89">
        <v>7.3782104949347595E-3</v>
      </c>
      <c r="R37" s="193">
        <v>0.13848449710155714</v>
      </c>
      <c r="S37" s="89">
        <v>5.8623229416315172E-3</v>
      </c>
      <c r="T37" s="193">
        <v>0.46349818206867222</v>
      </c>
      <c r="U37" s="89">
        <v>8.46079176421171E-3</v>
      </c>
      <c r="V37" s="193">
        <v>0.14485959374280638</v>
      </c>
      <c r="W37" s="89">
        <v>5.9733821780276336E-3</v>
      </c>
      <c r="X37" s="191">
        <v>13899</v>
      </c>
      <c r="Y37" s="79">
        <v>4.6005030812762415</v>
      </c>
      <c r="Z37" s="80">
        <v>3.4101744936513793E-2</v>
      </c>
      <c r="AA37" s="193">
        <v>0.26523134780133095</v>
      </c>
      <c r="AB37" s="89">
        <v>7.4885683846324675E-3</v>
      </c>
      <c r="AC37" s="193">
        <v>0.13513539828581758</v>
      </c>
      <c r="AD37" s="89">
        <v>5.8006493954506372E-3</v>
      </c>
      <c r="AE37" s="193">
        <v>0.53565305596212776</v>
      </c>
      <c r="AF37" s="89">
        <v>8.4593980748710433E-3</v>
      </c>
      <c r="AG37" s="193">
        <v>6.3980197950739087E-2</v>
      </c>
      <c r="AH37" s="89">
        <v>4.1546771624056131E-3</v>
      </c>
      <c r="AI37" s="191">
        <v>13873</v>
      </c>
      <c r="AJ37" s="79">
        <v>5.4453897656438359</v>
      </c>
      <c r="AK37" s="80">
        <v>2.6492579756538036E-2</v>
      </c>
      <c r="AL37" s="193">
        <v>9.4930252377145641E-2</v>
      </c>
      <c r="AM37" s="89">
        <v>4.9792558899389664E-3</v>
      </c>
      <c r="AN37" s="193">
        <v>0.11528343223800952</v>
      </c>
      <c r="AO37" s="89">
        <v>5.4243697892731712E-3</v>
      </c>
      <c r="AP37" s="193">
        <v>0.67995250813807673</v>
      </c>
      <c r="AQ37" s="89">
        <v>7.9204039256124386E-3</v>
      </c>
      <c r="AR37" s="193">
        <v>0.10983380724677951</v>
      </c>
      <c r="AS37" s="89">
        <v>5.3110521555264183E-3</v>
      </c>
      <c r="AT37" s="191">
        <v>12496</v>
      </c>
      <c r="AU37" s="79">
        <v>5.1109221959418552</v>
      </c>
      <c r="AV37" s="80">
        <v>3.4400193252542538E-2</v>
      </c>
      <c r="AW37" s="193">
        <v>0.10971395465517197</v>
      </c>
      <c r="AX37" s="89">
        <v>5.5935469693539283E-3</v>
      </c>
      <c r="AY37" s="193">
        <v>0.12233961470793496</v>
      </c>
      <c r="AZ37" s="89">
        <v>5.8641664448586114E-3</v>
      </c>
      <c r="BA37" s="193">
        <v>0.52518936648083892</v>
      </c>
      <c r="BB37" s="89">
        <v>8.9329216153999393E-3</v>
      </c>
      <c r="BC37" s="193">
        <v>0.24275706415607431</v>
      </c>
      <c r="BD37" s="89">
        <v>7.6705862408790494E-3</v>
      </c>
    </row>
    <row r="38" spans="1:56">
      <c r="A38" s="44" t="s">
        <v>351</v>
      </c>
      <c r="B38" s="44">
        <v>10237</v>
      </c>
      <c r="C38" s="175">
        <v>5.09793175000154</v>
      </c>
      <c r="D38" s="127">
        <v>3.6227436418477137E-2</v>
      </c>
      <c r="E38" s="194">
        <v>0.20505237295533468</v>
      </c>
      <c r="F38" s="92">
        <v>7.980883358613914E-3</v>
      </c>
      <c r="G38" s="194">
        <v>0.10934293891190253</v>
      </c>
      <c r="H38" s="92">
        <v>6.1712771353111418E-3</v>
      </c>
      <c r="I38" s="194">
        <v>0.67649742335706919</v>
      </c>
      <c r="J38" s="92">
        <v>9.2460214665211673E-3</v>
      </c>
      <c r="K38" s="194">
        <v>9.1072647756860227E-3</v>
      </c>
      <c r="L38" s="92">
        <v>1.8969167039083483E-3</v>
      </c>
      <c r="M38" s="44">
        <v>10202</v>
      </c>
      <c r="N38" s="175">
        <v>3.9950778559713549</v>
      </c>
      <c r="O38" s="127">
        <v>4.2272162203040323E-2</v>
      </c>
      <c r="P38" s="194">
        <v>0.35080112657794904</v>
      </c>
      <c r="Q38" s="92">
        <v>9.447963688091655E-3</v>
      </c>
      <c r="R38" s="194">
        <v>0.12533013974003504</v>
      </c>
      <c r="S38" s="92">
        <v>6.5579767007389045E-3</v>
      </c>
      <c r="T38" s="194">
        <v>0.36984934619564652</v>
      </c>
      <c r="U38" s="92">
        <v>9.557607805195472E-3</v>
      </c>
      <c r="V38" s="194">
        <v>0.15401938748636876</v>
      </c>
      <c r="W38" s="92">
        <v>7.1486889222696541E-3</v>
      </c>
      <c r="X38" s="44">
        <v>10203</v>
      </c>
      <c r="Y38" s="175">
        <v>4.0246571952324945</v>
      </c>
      <c r="Z38" s="127">
        <v>4.0117288152217344E-2</v>
      </c>
      <c r="AA38" s="194">
        <v>0.39680804169681044</v>
      </c>
      <c r="AB38" s="92">
        <v>9.6851535940097652E-3</v>
      </c>
      <c r="AC38" s="194">
        <v>0.12694800785596802</v>
      </c>
      <c r="AD38" s="92">
        <v>6.5936743955059361E-3</v>
      </c>
      <c r="AE38" s="194">
        <v>0.41817946931466099</v>
      </c>
      <c r="AF38" s="92">
        <v>9.7647582304861303E-3</v>
      </c>
      <c r="AG38" s="194">
        <v>5.8064481132560769E-2</v>
      </c>
      <c r="AH38" s="92">
        <v>4.6361085122541583E-3</v>
      </c>
      <c r="AI38" s="44">
        <v>10195</v>
      </c>
      <c r="AJ38" s="175">
        <v>5.42475305301285</v>
      </c>
      <c r="AK38" s="127">
        <v>3.1646890455128363E-2</v>
      </c>
      <c r="AL38" s="194">
        <v>0.100853439818381</v>
      </c>
      <c r="AM38" s="92">
        <v>5.9677522300923876E-3</v>
      </c>
      <c r="AN38" s="194">
        <v>0.10833693314830201</v>
      </c>
      <c r="AO38" s="92">
        <v>6.1589987496151501E-3</v>
      </c>
      <c r="AP38" s="194">
        <v>0.66639303561309138</v>
      </c>
      <c r="AQ38" s="92">
        <v>9.3380283067416199E-3</v>
      </c>
      <c r="AR38" s="194">
        <v>0.12441659142021783</v>
      </c>
      <c r="AS38" s="92">
        <v>6.5397254220062326E-3</v>
      </c>
      <c r="AT38" s="44">
        <v>8834</v>
      </c>
      <c r="AU38" s="175">
        <v>4.9025365079343191</v>
      </c>
      <c r="AV38" s="127">
        <v>4.3705890939296527E-2</v>
      </c>
      <c r="AW38" s="194">
        <v>0.1377063033555474</v>
      </c>
      <c r="AX38" s="92">
        <v>7.3345694733621793E-3</v>
      </c>
      <c r="AY38" s="194">
        <v>0.11459535486474738</v>
      </c>
      <c r="AZ38" s="92">
        <v>6.7810179895330253E-3</v>
      </c>
      <c r="BA38" s="194">
        <v>0.45164065069923159</v>
      </c>
      <c r="BB38" s="92">
        <v>1.0587270057826835E-2</v>
      </c>
      <c r="BC38" s="194">
        <v>0.29605769108047647</v>
      </c>
      <c r="BD38" s="92">
        <v>9.712900063322925E-3</v>
      </c>
    </row>
    <row r="39" spans="1:56">
      <c r="A39" s="40" t="s">
        <v>352</v>
      </c>
      <c r="B39" s="48">
        <v>3703</v>
      </c>
      <c r="C39" s="79">
        <v>5.6346068862803182</v>
      </c>
      <c r="D39" s="80">
        <v>4.5919245388859074E-2</v>
      </c>
      <c r="E39" s="193">
        <v>8.4424856767128811E-2</v>
      </c>
      <c r="F39" s="89">
        <v>9.1547146304464099E-3</v>
      </c>
      <c r="G39" s="193">
        <v>0.10392731850761371</v>
      </c>
      <c r="H39" s="89">
        <v>1.0042520548455001E-2</v>
      </c>
      <c r="I39" s="193">
        <v>0.79430077562095602</v>
      </c>
      <c r="J39" s="89">
        <v>1.3285431587012137E-2</v>
      </c>
      <c r="K39" s="193">
        <v>1.734704910430206E-2</v>
      </c>
      <c r="L39" s="89">
        <v>4.3515083861591095E-3</v>
      </c>
      <c r="M39" s="48">
        <v>3689</v>
      </c>
      <c r="N39" s="79">
        <v>4.8840167198156124</v>
      </c>
      <c r="O39" s="80">
        <v>5.8626969043232585E-2</v>
      </c>
      <c r="P39" s="193">
        <v>0.17348384769875286</v>
      </c>
      <c r="Q39" s="89">
        <v>1.2472250413822907E-2</v>
      </c>
      <c r="R39" s="193">
        <v>0.14921803042090873</v>
      </c>
      <c r="S39" s="89">
        <v>1.1738573934670695E-2</v>
      </c>
      <c r="T39" s="193">
        <v>0.53991262578008392</v>
      </c>
      <c r="U39" s="89">
        <v>1.6403074458564502E-2</v>
      </c>
      <c r="V39" s="193">
        <v>0.13738549610025569</v>
      </c>
      <c r="W39" s="89">
        <v>1.1343319567714845E-2</v>
      </c>
      <c r="X39" s="48">
        <v>3696</v>
      </c>
      <c r="Y39" s="79">
        <v>5.0755890139435946</v>
      </c>
      <c r="Z39" s="80">
        <v>5.473836417165108E-2</v>
      </c>
      <c r="AA39" s="193">
        <v>0.15791539994932807</v>
      </c>
      <c r="AB39" s="89">
        <v>1.2001396761399264E-2</v>
      </c>
      <c r="AC39" s="193">
        <v>0.14181315814130563</v>
      </c>
      <c r="AD39" s="89">
        <v>1.1483451644735765E-2</v>
      </c>
      <c r="AE39" s="193">
        <v>0.63146629556715328</v>
      </c>
      <c r="AF39" s="89">
        <v>1.5862720615133673E-2</v>
      </c>
      <c r="AG39" s="193">
        <v>6.880514634221338E-2</v>
      </c>
      <c r="AH39" s="89">
        <v>8.3486713317167185E-3</v>
      </c>
      <c r="AI39" s="48">
        <v>3678</v>
      </c>
      <c r="AJ39" s="79">
        <v>5.4617472035240109</v>
      </c>
      <c r="AK39" s="80">
        <v>4.792711184259766E-2</v>
      </c>
      <c r="AL39" s="193">
        <v>9.0093261629132768E-2</v>
      </c>
      <c r="AM39" s="89">
        <v>9.4579510640699672E-3</v>
      </c>
      <c r="AN39" s="193">
        <v>0.12095607929861668</v>
      </c>
      <c r="AO39" s="89">
        <v>1.0763251619439602E-2</v>
      </c>
      <c r="AP39" s="193">
        <v>0.69102543868465216</v>
      </c>
      <c r="AQ39" s="89">
        <v>1.5232706003077566E-2</v>
      </c>
      <c r="AR39" s="193">
        <v>9.7925220387598488E-2</v>
      </c>
      <c r="AS39" s="89">
        <v>9.8156242146173727E-3</v>
      </c>
      <c r="AT39" s="48">
        <v>3662</v>
      </c>
      <c r="AU39" s="79">
        <v>5.2576190783384709</v>
      </c>
      <c r="AV39" s="80">
        <v>5.227008865809326E-2</v>
      </c>
      <c r="AW39" s="193">
        <v>8.73226548364118E-2</v>
      </c>
      <c r="AX39" s="89">
        <v>9.3468557777914296E-3</v>
      </c>
      <c r="AY39" s="193">
        <v>0.12853430904670382</v>
      </c>
      <c r="AZ39" s="89">
        <v>1.107008831767956E-2</v>
      </c>
      <c r="BA39" s="193">
        <v>0.58402156252046245</v>
      </c>
      <c r="BB39" s="89">
        <v>1.6281611134885458E-2</v>
      </c>
      <c r="BC39" s="193">
        <v>0.20012147359642266</v>
      </c>
      <c r="BD39" s="89">
        <v>1.3223868824163425E-2</v>
      </c>
    </row>
    <row r="40" spans="1:56">
      <c r="A40" s="44" t="s">
        <v>555</v>
      </c>
      <c r="B40" s="44">
        <v>3622</v>
      </c>
      <c r="C40" s="175">
        <v>5.3231399063214973</v>
      </c>
      <c r="D40" s="127">
        <v>6.1237904159176786E-2</v>
      </c>
      <c r="E40" s="194">
        <v>0.1551149029944231</v>
      </c>
      <c r="F40" s="92">
        <v>1.203582415278545E-2</v>
      </c>
      <c r="G40" s="194">
        <v>0.11333339790718591</v>
      </c>
      <c r="H40" s="92">
        <v>1.0545968575950335E-2</v>
      </c>
      <c r="I40" s="194">
        <v>0.72036712057481567</v>
      </c>
      <c r="J40" s="92">
        <v>1.4910855316919021E-2</v>
      </c>
      <c r="K40" s="194">
        <v>1.1184578523582844E-2</v>
      </c>
      <c r="L40" s="92">
        <v>3.5751123131104547E-3</v>
      </c>
      <c r="M40" s="44">
        <v>3611</v>
      </c>
      <c r="N40" s="175">
        <v>4.4950812860292695</v>
      </c>
      <c r="O40" s="127">
        <v>7.1181516568972883E-2</v>
      </c>
      <c r="P40" s="194">
        <v>0.26385174827901475</v>
      </c>
      <c r="Q40" s="92">
        <v>1.4664806061803839E-2</v>
      </c>
      <c r="R40" s="194">
        <v>0.13725155729724711</v>
      </c>
      <c r="S40" s="92">
        <v>1.1460660099760468E-2</v>
      </c>
      <c r="T40" s="194">
        <v>0.46647080898497406</v>
      </c>
      <c r="U40" s="92">
        <v>1.659469760986167E-2</v>
      </c>
      <c r="V40" s="194">
        <v>0.13242588543877887</v>
      </c>
      <c r="W40" s="92">
        <v>1.1289628779049142E-2</v>
      </c>
      <c r="X40" s="44">
        <v>3612</v>
      </c>
      <c r="Y40" s="175">
        <v>4.6173131155142793</v>
      </c>
      <c r="Z40" s="127">
        <v>6.9216740530230539E-2</v>
      </c>
      <c r="AA40" s="194">
        <v>0.27813874933684868</v>
      </c>
      <c r="AB40" s="92">
        <v>1.4907028408909902E-2</v>
      </c>
      <c r="AC40" s="194">
        <v>0.12827583985656779</v>
      </c>
      <c r="AD40" s="92">
        <v>1.11370527384488E-2</v>
      </c>
      <c r="AE40" s="194">
        <v>0.54176478993898147</v>
      </c>
      <c r="AF40" s="92">
        <v>1.657176533302496E-2</v>
      </c>
      <c r="AG40" s="194">
        <v>5.1820620867615096E-2</v>
      </c>
      <c r="AH40" s="92">
        <v>7.4057043743849587E-3</v>
      </c>
      <c r="AI40" s="44">
        <v>3612</v>
      </c>
      <c r="AJ40" s="175">
        <v>5.4194680173443652</v>
      </c>
      <c r="AK40" s="127">
        <v>5.2469180380923242E-2</v>
      </c>
      <c r="AL40" s="194">
        <v>0.10538912087898433</v>
      </c>
      <c r="AM40" s="92">
        <v>1.0231100200148627E-2</v>
      </c>
      <c r="AN40" s="194">
        <v>0.12077812564051954</v>
      </c>
      <c r="AO40" s="92">
        <v>1.0854465459194223E-2</v>
      </c>
      <c r="AP40" s="194">
        <v>0.67168042699143415</v>
      </c>
      <c r="AQ40" s="92">
        <v>1.5621030584649363E-2</v>
      </c>
      <c r="AR40" s="194">
        <v>0.10215232648907115</v>
      </c>
      <c r="AS40" s="92">
        <v>1.0091792102036203E-2</v>
      </c>
      <c r="AT40" s="44">
        <v>3227</v>
      </c>
      <c r="AU40" s="175">
        <v>5.0601707395793944</v>
      </c>
      <c r="AV40" s="127">
        <v>6.7966558185054829E-2</v>
      </c>
      <c r="AW40" s="194">
        <v>0.11539269094239846</v>
      </c>
      <c r="AX40" s="92">
        <v>1.1261680201004341E-2</v>
      </c>
      <c r="AY40" s="194">
        <v>0.12901803167192977</v>
      </c>
      <c r="AZ40" s="92">
        <v>1.1812678881663964E-2</v>
      </c>
      <c r="BA40" s="194">
        <v>0.52702044759083388</v>
      </c>
      <c r="BB40" s="92">
        <v>1.7567016378093783E-2</v>
      </c>
      <c r="BC40" s="194">
        <v>0.2285688297948496</v>
      </c>
      <c r="BD40" s="92">
        <v>1.4782333928843341E-2</v>
      </c>
    </row>
    <row r="41" spans="1:56">
      <c r="A41" s="40" t="s">
        <v>556</v>
      </c>
      <c r="B41" s="48">
        <v>2975</v>
      </c>
      <c r="C41" s="79">
        <v>4.9612506812273409</v>
      </c>
      <c r="D41" s="80">
        <v>6.9099444961585335E-2</v>
      </c>
      <c r="E41" s="193">
        <v>0.22864201377118298</v>
      </c>
      <c r="F41" s="89">
        <v>1.5397277028333481E-2</v>
      </c>
      <c r="G41" s="193">
        <v>0.11520762967540021</v>
      </c>
      <c r="H41" s="89">
        <v>1.1721977281955939E-2</v>
      </c>
      <c r="I41" s="193">
        <v>0.64974782404107467</v>
      </c>
      <c r="J41" s="89">
        <v>1.7482961301304532E-2</v>
      </c>
      <c r="K41" s="193">
        <v>6.4025325123396037E-3</v>
      </c>
      <c r="L41" s="89">
        <v>3.0691664937271827E-3</v>
      </c>
      <c r="M41" s="48">
        <v>2965</v>
      </c>
      <c r="N41" s="79">
        <v>3.9181987486909833</v>
      </c>
      <c r="O41" s="80">
        <v>7.8322871438062325E-2</v>
      </c>
      <c r="P41" s="193">
        <v>0.36161639871126339</v>
      </c>
      <c r="Q41" s="89">
        <v>1.7637552334459444E-2</v>
      </c>
      <c r="R41" s="193">
        <v>0.13717184351149059</v>
      </c>
      <c r="S41" s="89">
        <v>1.2646458624493347E-2</v>
      </c>
      <c r="T41" s="193">
        <v>0.34614540885452577</v>
      </c>
      <c r="U41" s="89">
        <v>1.7464490430503538E-2</v>
      </c>
      <c r="V41" s="193">
        <v>0.15506634892271659</v>
      </c>
      <c r="W41" s="89">
        <v>1.3302256136362173E-2</v>
      </c>
      <c r="X41" s="48">
        <v>2966</v>
      </c>
      <c r="Y41" s="79">
        <v>3.9812355319936521</v>
      </c>
      <c r="Z41" s="80">
        <v>7.5828267917695952E-2</v>
      </c>
      <c r="AA41" s="193">
        <v>0.41296046773588779</v>
      </c>
      <c r="AB41" s="89">
        <v>1.8069991586879736E-2</v>
      </c>
      <c r="AC41" s="193">
        <v>0.11723193718045995</v>
      </c>
      <c r="AD41" s="89">
        <v>1.1828345103514206E-2</v>
      </c>
      <c r="AE41" s="193">
        <v>0.41872829038734999</v>
      </c>
      <c r="AF41" s="89">
        <v>1.8106035927417431E-2</v>
      </c>
      <c r="AG41" s="193">
        <v>5.1079304696297984E-2</v>
      </c>
      <c r="AH41" s="89">
        <v>8.124675385624407E-3</v>
      </c>
      <c r="AI41" s="48">
        <v>2967</v>
      </c>
      <c r="AJ41" s="79">
        <v>5.3999180043520054</v>
      </c>
      <c r="AK41" s="80">
        <v>5.8850992171354428E-2</v>
      </c>
      <c r="AL41" s="193">
        <v>9.8804009082584979E-2</v>
      </c>
      <c r="AM41" s="89">
        <v>1.0975625311174998E-2</v>
      </c>
      <c r="AN41" s="193">
        <v>0.11677209484735872</v>
      </c>
      <c r="AO41" s="89">
        <v>1.1806333872220232E-2</v>
      </c>
      <c r="AP41" s="193">
        <v>0.65450038001218791</v>
      </c>
      <c r="AQ41" s="89">
        <v>1.7450950251902787E-2</v>
      </c>
      <c r="AR41" s="193">
        <v>0.12992351605786762</v>
      </c>
      <c r="AS41" s="89">
        <v>1.2356857570965493E-2</v>
      </c>
      <c r="AT41" s="48">
        <v>2585</v>
      </c>
      <c r="AU41" s="79">
        <v>4.7470043163358602</v>
      </c>
      <c r="AV41" s="80">
        <v>7.8930956798067817E-2</v>
      </c>
      <c r="AW41" s="193">
        <v>0.15811627074158477</v>
      </c>
      <c r="AX41" s="89">
        <v>1.4360389776849712E-2</v>
      </c>
      <c r="AY41" s="193">
        <v>0.11630974012449162</v>
      </c>
      <c r="AZ41" s="89">
        <v>1.2629328602590603E-2</v>
      </c>
      <c r="BA41" s="193">
        <v>0.4303743064813183</v>
      </c>
      <c r="BB41" s="89">
        <v>1.9462345644428086E-2</v>
      </c>
      <c r="BC41" s="193">
        <v>0.29519968265260327</v>
      </c>
      <c r="BD41" s="89">
        <v>1.7934533285513563E-2</v>
      </c>
    </row>
    <row r="42" spans="1:56">
      <c r="A42" s="44" t="s">
        <v>536</v>
      </c>
      <c r="B42" s="44">
        <v>331</v>
      </c>
      <c r="C42" s="175">
        <v>5.5905984823751842</v>
      </c>
      <c r="D42" s="127">
        <v>0.18312753871722415</v>
      </c>
      <c r="E42" s="194">
        <v>0.13037312071290519</v>
      </c>
      <c r="F42" s="92">
        <v>3.7315781131442301E-2</v>
      </c>
      <c r="G42" s="194">
        <v>9.1159645795133318E-2</v>
      </c>
      <c r="H42" s="92">
        <v>3.2196669188781099E-2</v>
      </c>
      <c r="I42" s="194">
        <v>0.76963524484926327</v>
      </c>
      <c r="J42" s="92">
        <v>4.6234014019304819E-2</v>
      </c>
      <c r="K42" s="194">
        <v>8.831988642698815E-3</v>
      </c>
      <c r="L42" s="92">
        <v>1.3149286967299953E-2</v>
      </c>
      <c r="M42" s="44">
        <v>330</v>
      </c>
      <c r="N42" s="175">
        <v>4.3023378625460014</v>
      </c>
      <c r="O42" s="127">
        <v>0.23989405833208394</v>
      </c>
      <c r="P42" s="194">
        <v>0.35332659190854593</v>
      </c>
      <c r="Q42" s="92">
        <v>5.2368924984741994E-2</v>
      </c>
      <c r="R42" s="194">
        <v>9.2580095430038228E-2</v>
      </c>
      <c r="S42" s="92">
        <v>3.2456520119939859E-2</v>
      </c>
      <c r="T42" s="194">
        <v>0.45986829074746643</v>
      </c>
      <c r="U42" s="92">
        <v>5.454523926528982E-2</v>
      </c>
      <c r="V42" s="194">
        <v>9.4225021913951448E-2</v>
      </c>
      <c r="W42" s="92">
        <v>3.2696544167086374E-2</v>
      </c>
      <c r="X42" s="44">
        <v>331</v>
      </c>
      <c r="Y42" s="175">
        <v>4.5248692844744332</v>
      </c>
      <c r="Z42" s="127">
        <v>0.22630612742207468</v>
      </c>
      <c r="AA42" s="194">
        <v>0.33500603384191757</v>
      </c>
      <c r="AB42" s="92">
        <v>5.1650167863973626E-2</v>
      </c>
      <c r="AC42" s="194">
        <v>9.4591747575349105E-2</v>
      </c>
      <c r="AD42" s="92">
        <v>3.2698647994423825E-2</v>
      </c>
      <c r="AE42" s="194">
        <v>0.53976147630257132</v>
      </c>
      <c r="AF42" s="92">
        <v>5.4466920452889887E-2</v>
      </c>
      <c r="AG42" s="194">
        <v>3.0640742280164068E-2</v>
      </c>
      <c r="AH42" s="92">
        <v>2.0422793699977366E-2</v>
      </c>
      <c r="AI42" s="44">
        <v>330</v>
      </c>
      <c r="AJ42" s="175">
        <v>5.6942792608103856</v>
      </c>
      <c r="AK42" s="127">
        <v>0.15384698232934671</v>
      </c>
      <c r="AL42" s="194">
        <v>6.8892904500451851E-2</v>
      </c>
      <c r="AM42" s="92">
        <v>2.8656878405472187E-2</v>
      </c>
      <c r="AN42" s="194">
        <v>8.3329266990587236E-2</v>
      </c>
      <c r="AO42" s="92">
        <v>3.1053176450448451E-2</v>
      </c>
      <c r="AP42" s="194">
        <v>0.73219669368662055</v>
      </c>
      <c r="AQ42" s="92">
        <v>4.8617823687585014E-2</v>
      </c>
      <c r="AR42" s="194">
        <v>0.11558113482234073</v>
      </c>
      <c r="AS42" s="92">
        <v>3.5585863186377617E-2</v>
      </c>
      <c r="AT42" s="44">
        <v>282</v>
      </c>
      <c r="AU42" s="175">
        <v>5.1604853312003138</v>
      </c>
      <c r="AV42" s="127">
        <v>0.20173016261627288</v>
      </c>
      <c r="AW42" s="194">
        <v>0.10634614002496547</v>
      </c>
      <c r="AX42" s="92">
        <v>3.7274443492596267E-2</v>
      </c>
      <c r="AY42" s="194">
        <v>0.11179393318574794</v>
      </c>
      <c r="AZ42" s="92">
        <v>3.8043417561989347E-2</v>
      </c>
      <c r="BA42" s="194">
        <v>0.47445910160738691</v>
      </c>
      <c r="BB42" s="92">
        <v>5.9056187789342407E-2</v>
      </c>
      <c r="BC42" s="194">
        <v>0.30740082518190009</v>
      </c>
      <c r="BD42" s="92">
        <v>5.4700188394240998E-2</v>
      </c>
    </row>
    <row r="43" spans="1:56">
      <c r="A43" s="40" t="s">
        <v>537</v>
      </c>
      <c r="B43" s="48">
        <v>164</v>
      </c>
      <c r="C43" s="79">
        <v>6.0262284499358962</v>
      </c>
      <c r="D43" s="80">
        <v>0.20001126519767176</v>
      </c>
      <c r="E43" s="193">
        <v>6.8053276093643658E-2</v>
      </c>
      <c r="F43" s="89">
        <v>4.1461664229430394E-2</v>
      </c>
      <c r="G43" s="193">
        <v>6.2333554710365356E-2</v>
      </c>
      <c r="H43" s="89">
        <v>4.0077607160005503E-2</v>
      </c>
      <c r="I43" s="193">
        <v>0.85435152383228963</v>
      </c>
      <c r="J43" s="89">
        <v>5.5708232574075235E-2</v>
      </c>
      <c r="K43" s="193">
        <v>1.5261645363701216E-2</v>
      </c>
      <c r="L43" s="89">
        <v>2.4921128962172762E-2</v>
      </c>
      <c r="M43" s="48">
        <v>162</v>
      </c>
      <c r="N43" s="79">
        <v>4.9997337678153491</v>
      </c>
      <c r="O43" s="80">
        <v>0.30485344830925165</v>
      </c>
      <c r="P43" s="193">
        <v>0.21811581280823306</v>
      </c>
      <c r="Q43" s="89">
        <v>6.4811962146456861E-2</v>
      </c>
      <c r="R43" s="193">
        <v>8.5957747050727354E-2</v>
      </c>
      <c r="S43" s="89">
        <v>4.5715518476965249E-2</v>
      </c>
      <c r="T43" s="193">
        <v>0.59350714928113235</v>
      </c>
      <c r="U43" s="89">
        <v>7.6311459746539037E-2</v>
      </c>
      <c r="V43" s="193">
        <v>0.10241929085990621</v>
      </c>
      <c r="W43" s="89">
        <v>4.8954281586650647E-2</v>
      </c>
      <c r="X43" s="48">
        <v>164</v>
      </c>
      <c r="Y43" s="79">
        <v>5.2668684977483506</v>
      </c>
      <c r="Z43" s="80">
        <v>0.26459607839275068</v>
      </c>
      <c r="AA43" s="193">
        <v>0.17648230247597987</v>
      </c>
      <c r="AB43" s="89">
        <v>5.9813390754383786E-2</v>
      </c>
      <c r="AC43" s="193">
        <v>9.8607693383772066E-2</v>
      </c>
      <c r="AD43" s="89">
        <v>4.7924807397684135E-2</v>
      </c>
      <c r="AE43" s="193">
        <v>0.67741421221814446</v>
      </c>
      <c r="AF43" s="89">
        <v>7.2375542045001295E-2</v>
      </c>
      <c r="AG43" s="193">
        <v>4.7495791922103188E-2</v>
      </c>
      <c r="AH43" s="89">
        <v>3.6145981634409755E-2</v>
      </c>
      <c r="AI43" s="48">
        <v>161</v>
      </c>
      <c r="AJ43" s="79">
        <v>5.9406271016212004</v>
      </c>
      <c r="AK43" s="80">
        <v>0.1829506175521397</v>
      </c>
      <c r="AL43" s="193">
        <v>2.660900067030806E-2</v>
      </c>
      <c r="AM43" s="89">
        <v>2.9801227452650413E-2</v>
      </c>
      <c r="AN43" s="193">
        <v>8.3713263966504831E-2</v>
      </c>
      <c r="AO43" s="89">
        <v>4.53954139095194E-2</v>
      </c>
      <c r="AP43" s="193">
        <v>0.78294344084882295</v>
      </c>
      <c r="AQ43" s="89">
        <v>6.49059947256104E-2</v>
      </c>
      <c r="AR43" s="193">
        <v>0.10673429451436363</v>
      </c>
      <c r="AS43" s="89">
        <v>4.9908949526237319E-2</v>
      </c>
      <c r="AT43" s="48">
        <v>142</v>
      </c>
      <c r="AU43" s="79">
        <v>5.1701662181407766</v>
      </c>
      <c r="AV43" s="80">
        <v>0.26881948873876904</v>
      </c>
      <c r="AW43" s="193">
        <v>0.10494659104764714</v>
      </c>
      <c r="AX43" s="89">
        <v>5.2958315391244272E-2</v>
      </c>
      <c r="AY43" s="193">
        <v>0.10268956324302185</v>
      </c>
      <c r="AZ43" s="89">
        <v>5.2518894155223469E-2</v>
      </c>
      <c r="BA43" s="193">
        <v>0.49010805289439063</v>
      </c>
      <c r="BB43" s="89">
        <v>8.2745266406429957E-2</v>
      </c>
      <c r="BC43" s="193">
        <v>0.30225579281493947</v>
      </c>
      <c r="BD43" s="89">
        <v>7.6393088551614363E-2</v>
      </c>
    </row>
    <row r="44" spans="1:56">
      <c r="A44" s="44" t="s">
        <v>538</v>
      </c>
      <c r="B44" s="44">
        <v>89</v>
      </c>
      <c r="C44" s="175">
        <v>4.5162436269822557</v>
      </c>
      <c r="D44" s="127">
        <v>0.41846647843118884</v>
      </c>
      <c r="E44" s="194">
        <v>0.32975958173370468</v>
      </c>
      <c r="F44" s="92">
        <v>9.8036123230948596E-2</v>
      </c>
      <c r="G44" s="194">
        <v>0.14011550567238235</v>
      </c>
      <c r="H44" s="92">
        <v>7.5172858476996854E-2</v>
      </c>
      <c r="I44" s="194">
        <v>0.5301249125939127</v>
      </c>
      <c r="J44" s="92">
        <v>0.10352265893413762</v>
      </c>
      <c r="K44" s="194">
        <v>0</v>
      </c>
      <c r="L44" s="92">
        <v>3.0084393934100805E-2</v>
      </c>
      <c r="M44" s="44">
        <v>89</v>
      </c>
      <c r="N44" s="175">
        <v>3.0666654683707648</v>
      </c>
      <c r="O44" s="127">
        <v>0.42092769381180123</v>
      </c>
      <c r="P44" s="194">
        <v>0.59875390359332603</v>
      </c>
      <c r="Q44" s="92">
        <v>0.10182602406181444</v>
      </c>
      <c r="R44" s="194">
        <v>0.11342139589663647</v>
      </c>
      <c r="S44" s="92">
        <v>6.9757132537667341E-2</v>
      </c>
      <c r="T44" s="194">
        <v>0.23617090293091503</v>
      </c>
      <c r="U44" s="92">
        <v>8.9503538010229533E-2</v>
      </c>
      <c r="V44" s="194">
        <v>5.1653797579121814E-2</v>
      </c>
      <c r="W44" s="92">
        <v>5.3241335532028117E-2</v>
      </c>
      <c r="X44" s="44">
        <v>88</v>
      </c>
      <c r="Y44" s="175">
        <v>3.2482224617562574</v>
      </c>
      <c r="Z44" s="127">
        <v>0.42208970905610416</v>
      </c>
      <c r="AA44" s="194">
        <v>0.62658977521947401</v>
      </c>
      <c r="AB44" s="92">
        <v>0.10115382423391127</v>
      </c>
      <c r="AC44" s="194">
        <v>9.7368962970780168E-2</v>
      </c>
      <c r="AD44" s="92">
        <v>6.6489120610325456E-2</v>
      </c>
      <c r="AE44" s="194">
        <v>0.27493400773066257</v>
      </c>
      <c r="AF44" s="92">
        <v>9.4098537655211187E-2</v>
      </c>
      <c r="AG44" s="194">
        <v>1.1072540790825645E-3</v>
      </c>
      <c r="AH44" s="92">
        <v>3.112281642196468E-2</v>
      </c>
      <c r="AI44" s="44">
        <v>89</v>
      </c>
      <c r="AJ44" s="175">
        <v>5.2821362411926103</v>
      </c>
      <c r="AK44" s="127">
        <v>0.32361485870168222</v>
      </c>
      <c r="AL44" s="194">
        <v>0.15595180219794633</v>
      </c>
      <c r="AM44" s="92">
        <v>7.803890870619104E-2</v>
      </c>
      <c r="AN44" s="194">
        <v>4.601656679516182E-2</v>
      </c>
      <c r="AO44" s="92">
        <v>5.1325185386358795E-2</v>
      </c>
      <c r="AP44" s="194">
        <v>0.65889735090893164</v>
      </c>
      <c r="AQ44" s="92">
        <v>9.8783313841718332E-2</v>
      </c>
      <c r="AR44" s="194">
        <v>0.13913428009795992</v>
      </c>
      <c r="AS44" s="92">
        <v>7.4987338804937173E-2</v>
      </c>
      <c r="AT44" s="44">
        <v>71</v>
      </c>
      <c r="AU44" s="175">
        <v>4.9885343036150314</v>
      </c>
      <c r="AV44" s="127">
        <v>0.42808755338620463</v>
      </c>
      <c r="AW44" s="194">
        <v>0.15989261527496842</v>
      </c>
      <c r="AX44" s="92">
        <v>8.8343691933341392E-2</v>
      </c>
      <c r="AY44" s="194">
        <v>0.13420870619303449</v>
      </c>
      <c r="AZ44" s="92">
        <v>8.3294972164202855E-2</v>
      </c>
      <c r="BA44" s="194">
        <v>0.46040200556974886</v>
      </c>
      <c r="BB44" s="92">
        <v>0.11514507769529266</v>
      </c>
      <c r="BC44" s="194">
        <v>0.24549667296224797</v>
      </c>
      <c r="BD44" s="92">
        <v>0.10118045229806362</v>
      </c>
    </row>
    <row r="45" spans="1:56">
      <c r="A45" s="40" t="s">
        <v>539</v>
      </c>
      <c r="B45" s="48">
        <v>245</v>
      </c>
      <c r="C45" s="79">
        <v>4.2108035745566719</v>
      </c>
      <c r="D45" s="80">
        <v>0.25291169974687294</v>
      </c>
      <c r="E45" s="193">
        <v>0.38402101534919303</v>
      </c>
      <c r="F45" s="89">
        <v>6.1699826348537559E-2</v>
      </c>
      <c r="G45" s="193">
        <v>0.11853075149898176</v>
      </c>
      <c r="H45" s="89">
        <v>4.1867828411521875E-2</v>
      </c>
      <c r="I45" s="193">
        <v>0.49744823315182302</v>
      </c>
      <c r="J45" s="89">
        <v>6.3371626049252172E-2</v>
      </c>
      <c r="K45" s="193">
        <v>0</v>
      </c>
      <c r="L45" s="89">
        <v>1.131343404848041E-2</v>
      </c>
      <c r="M45" s="48">
        <v>245</v>
      </c>
      <c r="N45" s="79">
        <v>3.1875853018630664</v>
      </c>
      <c r="O45" s="80">
        <v>0.25515028313853866</v>
      </c>
      <c r="P45" s="193">
        <v>0.54413775192649605</v>
      </c>
      <c r="Q45" s="89">
        <v>6.3132924982294489E-2</v>
      </c>
      <c r="R45" s="193">
        <v>0.11876859701130271</v>
      </c>
      <c r="S45" s="89">
        <v>4.1901507329173214E-2</v>
      </c>
      <c r="T45" s="193">
        <v>0.24131364606540592</v>
      </c>
      <c r="U45" s="89">
        <v>5.4546556862110317E-2</v>
      </c>
      <c r="V45" s="193">
        <v>9.5780004996793192E-2</v>
      </c>
      <c r="W45" s="89">
        <v>3.8404657999935532E-2</v>
      </c>
      <c r="X45" s="48">
        <v>243</v>
      </c>
      <c r="Y45" s="79">
        <v>3.1642778299603234</v>
      </c>
      <c r="Z45" s="80">
        <v>0.24442235437923771</v>
      </c>
      <c r="AA45" s="193">
        <v>0.59409776455416452</v>
      </c>
      <c r="AB45" s="89">
        <v>6.2528383245849667E-2</v>
      </c>
      <c r="AC45" s="193">
        <v>8.5162382102932241E-2</v>
      </c>
      <c r="AD45" s="89">
        <v>3.675906724231405E-2</v>
      </c>
      <c r="AE45" s="193">
        <v>0.28405369000204556</v>
      </c>
      <c r="AF45" s="89">
        <v>5.7599108154982009E-2</v>
      </c>
      <c r="AG45" s="193">
        <v>3.6686163340855768E-2</v>
      </c>
      <c r="AH45" s="89">
        <v>2.6153249427487014E-2</v>
      </c>
      <c r="AI45" s="48">
        <v>244</v>
      </c>
      <c r="AJ45" s="79">
        <v>4.9156089761658972</v>
      </c>
      <c r="AK45" s="80">
        <v>0.22184210381156749</v>
      </c>
      <c r="AL45" s="193">
        <v>0.21458204216934729</v>
      </c>
      <c r="AM45" s="89">
        <v>5.2539270865339674E-2</v>
      </c>
      <c r="AN45" s="193">
        <v>0.11810912930647</v>
      </c>
      <c r="AO45" s="89">
        <v>4.1895792334393736E-2</v>
      </c>
      <c r="AP45" s="193">
        <v>0.59895103682155482</v>
      </c>
      <c r="AQ45" s="89">
        <v>6.2284725225866644E-2</v>
      </c>
      <c r="AR45" s="193">
        <v>6.8357791702625639E-2</v>
      </c>
      <c r="AS45" s="89">
        <v>3.3516172344617845E-2</v>
      </c>
      <c r="AT45" s="48">
        <v>197</v>
      </c>
      <c r="AU45" s="79">
        <v>4.4302851136987336</v>
      </c>
      <c r="AV45" s="80">
        <v>0.30171262444939967</v>
      </c>
      <c r="AW45" s="193">
        <v>0.20200753194671284</v>
      </c>
      <c r="AX45" s="89">
        <v>5.7250367593508607E-2</v>
      </c>
      <c r="AY45" s="193">
        <v>0.14483845830883524</v>
      </c>
      <c r="AZ45" s="89">
        <v>5.063395329310072E-2</v>
      </c>
      <c r="BA45" s="193">
        <v>0.37652798752345218</v>
      </c>
      <c r="BB45" s="89">
        <v>6.8437487057125476E-2</v>
      </c>
      <c r="BC45" s="193">
        <v>0.2766260222209988</v>
      </c>
      <c r="BD45" s="89">
        <v>6.3413703431908539E-2</v>
      </c>
    </row>
    <row r="46" spans="1:56">
      <c r="A46" s="44" t="s">
        <v>540</v>
      </c>
      <c r="B46" s="44">
        <v>82</v>
      </c>
      <c r="C46" s="175">
        <v>3.9038766337208983</v>
      </c>
      <c r="D46" s="127">
        <v>0.44080320820594809</v>
      </c>
      <c r="E46" s="194">
        <v>0.44869824279090198</v>
      </c>
      <c r="F46" s="92">
        <v>0.10731550121948745</v>
      </c>
      <c r="G46" s="194">
        <v>0.12737830390435981</v>
      </c>
      <c r="H46" s="92">
        <v>7.5872810646264124E-2</v>
      </c>
      <c r="I46" s="194">
        <v>0.42392345330473818</v>
      </c>
      <c r="J46" s="92">
        <v>0.10669195468068027</v>
      </c>
      <c r="K46" s="194">
        <v>0</v>
      </c>
      <c r="L46" s="92">
        <v>3.2504011252172456E-2</v>
      </c>
      <c r="M46" s="44">
        <v>82</v>
      </c>
      <c r="N46" s="175">
        <v>2.5172859995343688</v>
      </c>
      <c r="O46" s="127">
        <v>0.39936417424562021</v>
      </c>
      <c r="P46" s="194">
        <v>0.71340656276502901</v>
      </c>
      <c r="Q46" s="92">
        <v>9.8499348231534181E-2</v>
      </c>
      <c r="R46" s="194">
        <v>0.10381013238612102</v>
      </c>
      <c r="S46" s="92">
        <v>7.0643403562016274E-2</v>
      </c>
      <c r="T46" s="194">
        <v>0.14048258442944614</v>
      </c>
      <c r="U46" s="92">
        <v>7.8500814686266143E-2</v>
      </c>
      <c r="V46" s="194">
        <v>4.2300720419403789E-2</v>
      </c>
      <c r="W46" s="92">
        <v>5.2626587400005483E-2</v>
      </c>
      <c r="X46" s="44">
        <v>82</v>
      </c>
      <c r="Y46" s="175">
        <v>2.3752418978268497</v>
      </c>
      <c r="Z46" s="127">
        <v>0.37470696989933239</v>
      </c>
      <c r="AA46" s="194">
        <v>0.7681741699062663</v>
      </c>
      <c r="AB46" s="92">
        <v>9.2665194486346095E-2</v>
      </c>
      <c r="AC46" s="194">
        <v>5.252226689625978E-2</v>
      </c>
      <c r="AD46" s="92">
        <v>5.6220965797901569E-2</v>
      </c>
      <c r="AE46" s="194">
        <v>0.13700284277806976</v>
      </c>
      <c r="AF46" s="92">
        <v>7.7820723517986023E-2</v>
      </c>
      <c r="AG46" s="194">
        <v>4.2300720419403789E-2</v>
      </c>
      <c r="AH46" s="92">
        <v>5.2626587400005483E-2</v>
      </c>
      <c r="AI46" s="44">
        <v>82</v>
      </c>
      <c r="AJ46" s="175">
        <v>3.7092359197681879</v>
      </c>
      <c r="AK46" s="127">
        <v>0.3819263818667446</v>
      </c>
      <c r="AL46" s="194">
        <v>0.46516333259315862</v>
      </c>
      <c r="AM46" s="92">
        <v>0.10759456059737513</v>
      </c>
      <c r="AN46" s="194">
        <v>0.11174290330758714</v>
      </c>
      <c r="AO46" s="92">
        <v>7.2481906806942845E-2</v>
      </c>
      <c r="AP46" s="194">
        <v>0.38675346362626689</v>
      </c>
      <c r="AQ46" s="92">
        <v>0.10528819372349156</v>
      </c>
      <c r="AR46" s="194">
        <v>3.634030047298735E-2</v>
      </c>
      <c r="AS46" s="92">
        <v>5.0372001431408159E-2</v>
      </c>
      <c r="AT46" s="44">
        <v>67</v>
      </c>
      <c r="AU46" s="175">
        <v>4.1567001199270486</v>
      </c>
      <c r="AV46" s="127">
        <v>0.45303772670516285</v>
      </c>
      <c r="AW46" s="194">
        <v>0.26757672806489247</v>
      </c>
      <c r="AX46" s="92">
        <v>0.10665061779551438</v>
      </c>
      <c r="AY46" s="194">
        <v>0.18470803830527166</v>
      </c>
      <c r="AZ46" s="92">
        <v>9.5379589679891186E-2</v>
      </c>
      <c r="BA46" s="194">
        <v>0.37484779547440028</v>
      </c>
      <c r="BB46" s="92">
        <v>0.11532002378266309</v>
      </c>
      <c r="BC46" s="194">
        <v>0.17286743815543537</v>
      </c>
      <c r="BD46" s="92">
        <v>9.3357628432701623E-2</v>
      </c>
    </row>
    <row r="47" spans="1:56" ht="25.5">
      <c r="A47" s="40" t="s">
        <v>541</v>
      </c>
      <c r="B47" s="191">
        <v>92</v>
      </c>
      <c r="C47" s="79">
        <v>4.1987776166761641</v>
      </c>
      <c r="D47" s="80">
        <v>0.4219464373432037</v>
      </c>
      <c r="E47" s="193">
        <v>0.39355508707456993</v>
      </c>
      <c r="F47" s="89">
        <v>9.9915384915776964E-2</v>
      </c>
      <c r="G47" s="193">
        <v>8.517563034672429E-2</v>
      </c>
      <c r="H47" s="89">
        <v>6.1901107882094457E-2</v>
      </c>
      <c r="I47" s="193">
        <v>0.52126928257870575</v>
      </c>
      <c r="J47" s="89">
        <v>0.10197723004922322</v>
      </c>
      <c r="K47" s="193">
        <v>0</v>
      </c>
      <c r="L47" s="89">
        <v>2.9154263235671291E-2</v>
      </c>
      <c r="M47" s="191">
        <v>92</v>
      </c>
      <c r="N47" s="79">
        <v>3.2501233700608982</v>
      </c>
      <c r="O47" s="80">
        <v>0.42655605170453148</v>
      </c>
      <c r="P47" s="193">
        <v>0.52442739835924435</v>
      </c>
      <c r="Q47" s="89">
        <v>0.10195014939739298</v>
      </c>
      <c r="R47" s="193">
        <v>7.8861244078428247E-2</v>
      </c>
      <c r="S47" s="89">
        <v>6.0247426052227791E-2</v>
      </c>
      <c r="T47" s="193">
        <v>0.25010518939169141</v>
      </c>
      <c r="U47" s="89">
        <v>8.9593554302588141E-2</v>
      </c>
      <c r="V47" s="193">
        <v>0.14660616817063615</v>
      </c>
      <c r="W47" s="89">
        <v>7.508418837841091E-2</v>
      </c>
      <c r="X47" s="191">
        <v>91</v>
      </c>
      <c r="Y47" s="79">
        <v>3.1499954556269261</v>
      </c>
      <c r="Z47" s="80">
        <v>0.40074591158888095</v>
      </c>
      <c r="AA47" s="193">
        <v>0.62585892935304654</v>
      </c>
      <c r="AB47" s="89">
        <v>9.9570737912038923E-2</v>
      </c>
      <c r="AC47" s="193">
        <v>5.9574272593001437E-2</v>
      </c>
      <c r="AD47" s="89">
        <v>5.5065897960417221E-2</v>
      </c>
      <c r="AE47" s="193">
        <v>0.26819161606425146</v>
      </c>
      <c r="AF47" s="89">
        <v>9.1925524079585916E-2</v>
      </c>
      <c r="AG47" s="193">
        <v>4.637518198970067E-2</v>
      </c>
      <c r="AH47" s="89">
        <v>5.0757701359686234E-2</v>
      </c>
      <c r="AI47" s="191">
        <v>91</v>
      </c>
      <c r="AJ47" s="79">
        <v>5.7615293452393557</v>
      </c>
      <c r="AK47" s="80">
        <v>0.28069024693702649</v>
      </c>
      <c r="AL47" s="193">
        <v>5.5613325429099039E-2</v>
      </c>
      <c r="AM47" s="89">
        <v>5.3822411805349482E-2</v>
      </c>
      <c r="AN47" s="193">
        <v>9.9164195946959327E-2</v>
      </c>
      <c r="AO47" s="89">
        <v>6.5718975829351461E-2</v>
      </c>
      <c r="AP47" s="193">
        <v>0.76931621611744561</v>
      </c>
      <c r="AQ47" s="89">
        <v>8.7887028225240402E-2</v>
      </c>
      <c r="AR47" s="193">
        <v>7.5906262506496014E-2</v>
      </c>
      <c r="AS47" s="89">
        <v>5.9814228403588889E-2</v>
      </c>
      <c r="AT47" s="191">
        <v>70</v>
      </c>
      <c r="AU47" s="79">
        <v>4.3808277801275572</v>
      </c>
      <c r="AV47" s="80">
        <v>0.55443239148354095</v>
      </c>
      <c r="AW47" s="193">
        <v>0.19877465787738927</v>
      </c>
      <c r="AX47" s="89">
        <v>9.5523464997890106E-2</v>
      </c>
      <c r="AY47" s="193">
        <v>0.10905886269369032</v>
      </c>
      <c r="AZ47" s="89">
        <v>7.823774145403084E-2</v>
      </c>
      <c r="BA47" s="193">
        <v>0.38084852688985926</v>
      </c>
      <c r="BB47" s="89">
        <v>0.11325557408371305</v>
      </c>
      <c r="BC47" s="193">
        <v>0.31131795253906103</v>
      </c>
      <c r="BD47" s="89">
        <v>0.10858893784995818</v>
      </c>
    </row>
    <row r="48" spans="1:56">
      <c r="A48" s="44" t="s">
        <v>542</v>
      </c>
      <c r="B48" s="192">
        <v>71</v>
      </c>
      <c r="C48" s="175">
        <v>4.5460403721894389</v>
      </c>
      <c r="D48" s="127">
        <v>0.441985816527528</v>
      </c>
      <c r="E48" s="194">
        <v>0.30543760870029291</v>
      </c>
      <c r="F48" s="92">
        <v>0.10735004839764757</v>
      </c>
      <c r="G48" s="194">
        <v>0.14709792504140237</v>
      </c>
      <c r="H48" s="92">
        <v>8.591162343302329E-2</v>
      </c>
      <c r="I48" s="194">
        <v>0.54746446625830414</v>
      </c>
      <c r="J48" s="92">
        <v>0.11500284587540756</v>
      </c>
      <c r="K48" s="194">
        <v>0</v>
      </c>
      <c r="L48" s="92">
        <v>3.7206132509255738E-2</v>
      </c>
      <c r="M48" s="192">
        <v>71</v>
      </c>
      <c r="N48" s="175">
        <v>3.8632902684481256</v>
      </c>
      <c r="O48" s="127">
        <v>0.48620652658736646</v>
      </c>
      <c r="P48" s="194">
        <v>0.38913884626846651</v>
      </c>
      <c r="Q48" s="92">
        <v>0.11289778267488536</v>
      </c>
      <c r="R48" s="194">
        <v>0.17971221039266069</v>
      </c>
      <c r="S48" s="92">
        <v>9.181612306199996E-2</v>
      </c>
      <c r="T48" s="194">
        <v>0.33699034999399174</v>
      </c>
      <c r="U48" s="92">
        <v>0.10983299643885805</v>
      </c>
      <c r="V48" s="194">
        <v>9.4158593344880762E-2</v>
      </c>
      <c r="W48" s="92">
        <v>7.3898317556230969E-2</v>
      </c>
      <c r="X48" s="192">
        <v>70</v>
      </c>
      <c r="Y48" s="175">
        <v>3.9888986088112639</v>
      </c>
      <c r="Z48" s="127">
        <v>0.43676529041279533</v>
      </c>
      <c r="AA48" s="194">
        <v>0.37653625131096036</v>
      </c>
      <c r="AB48" s="92">
        <v>0.11303194676331609</v>
      </c>
      <c r="AC48" s="194">
        <v>0.14751219001780672</v>
      </c>
      <c r="AD48" s="92">
        <v>8.6624848502642945E-2</v>
      </c>
      <c r="AE48" s="194">
        <v>0.45579592312447842</v>
      </c>
      <c r="AF48" s="92">
        <v>0.11584041529653476</v>
      </c>
      <c r="AG48" s="194">
        <v>2.0155635546753953E-2</v>
      </c>
      <c r="AH48" s="92">
        <v>4.8751209855570264E-2</v>
      </c>
      <c r="AI48" s="192">
        <v>71</v>
      </c>
      <c r="AJ48" s="175">
        <v>5.2934283669236031</v>
      </c>
      <c r="AK48" s="127">
        <v>0.3894182734746488</v>
      </c>
      <c r="AL48" s="194">
        <v>0.13008339698506055</v>
      </c>
      <c r="AM48" s="92">
        <v>8.2419597183377311E-2</v>
      </c>
      <c r="AN48" s="194">
        <v>0.14599943836195625</v>
      </c>
      <c r="AO48" s="92">
        <v>8.5695345418157001E-2</v>
      </c>
      <c r="AP48" s="194">
        <v>0.63046668473680545</v>
      </c>
      <c r="AQ48" s="92">
        <v>0.1118917714997474</v>
      </c>
      <c r="AR48" s="194">
        <v>9.3450479916177207E-2</v>
      </c>
      <c r="AS48" s="92">
        <v>7.3712047116342244E-2</v>
      </c>
      <c r="AT48" s="192">
        <v>60</v>
      </c>
      <c r="AU48" s="175">
        <v>4.8485336011771487</v>
      </c>
      <c r="AV48" s="127">
        <v>0.57335647783038135</v>
      </c>
      <c r="AW48" s="194">
        <v>0.137036065340225</v>
      </c>
      <c r="AX48" s="92">
        <v>9.1586848805852605E-2</v>
      </c>
      <c r="AY48" s="194">
        <v>0.14169211997638936</v>
      </c>
      <c r="AZ48" s="92">
        <v>9.2588480697738437E-2</v>
      </c>
      <c r="BA48" s="194">
        <v>0.37363609481521676</v>
      </c>
      <c r="BB48" s="92">
        <v>0.12144076968621513</v>
      </c>
      <c r="BC48" s="194">
        <v>0.34763571986816821</v>
      </c>
      <c r="BD48" s="92">
        <v>0.11979052087691562</v>
      </c>
    </row>
    <row r="49" spans="1:56">
      <c r="A49" s="40" t="s">
        <v>543</v>
      </c>
      <c r="B49" s="49">
        <v>478</v>
      </c>
      <c r="C49" s="79">
        <v>5.1012802599669573</v>
      </c>
      <c r="D49" s="80">
        <v>0.16934660071187879</v>
      </c>
      <c r="E49" s="193">
        <v>0.23106189542573793</v>
      </c>
      <c r="F49" s="89">
        <v>3.8527650744835738E-2</v>
      </c>
      <c r="G49" s="193">
        <v>7.6257885318985238E-2</v>
      </c>
      <c r="H49" s="89">
        <v>2.4682289872879948E-2</v>
      </c>
      <c r="I49" s="193">
        <v>0.68426474185414121</v>
      </c>
      <c r="J49" s="89">
        <v>4.2397810759430062E-2</v>
      </c>
      <c r="K49" s="193">
        <v>8.4154774011367464E-3</v>
      </c>
      <c r="L49" s="89">
        <v>1.0119162036117971E-2</v>
      </c>
      <c r="M49" s="49">
        <v>475</v>
      </c>
      <c r="N49" s="79">
        <v>3.9333675721981147</v>
      </c>
      <c r="O49" s="80">
        <v>0.19904828427679014</v>
      </c>
      <c r="P49" s="193">
        <v>0.35774831931972967</v>
      </c>
      <c r="Q49" s="89">
        <v>4.3835049638688957E-2</v>
      </c>
      <c r="R49" s="193">
        <v>0.13522063122179595</v>
      </c>
      <c r="S49" s="89">
        <v>3.1543335468007819E-2</v>
      </c>
      <c r="T49" s="193">
        <v>0.33557185547716695</v>
      </c>
      <c r="U49" s="89">
        <v>4.3193312216701099E-2</v>
      </c>
      <c r="V49" s="193">
        <v>0.17145919398130874</v>
      </c>
      <c r="W49" s="89">
        <v>3.4659832387988969E-2</v>
      </c>
      <c r="X49" s="49">
        <v>474</v>
      </c>
      <c r="Y49" s="79">
        <v>4.1217908419347813</v>
      </c>
      <c r="Z49" s="80">
        <v>0.18276284518724811</v>
      </c>
      <c r="AA49" s="193">
        <v>0.3939624772106341</v>
      </c>
      <c r="AB49" s="89">
        <v>4.4716067497865962E-2</v>
      </c>
      <c r="AC49" s="193">
        <v>0.11193116370461798</v>
      </c>
      <c r="AD49" s="89">
        <v>2.920315386528289E-2</v>
      </c>
      <c r="AE49" s="193">
        <v>0.44308886326119606</v>
      </c>
      <c r="AF49" s="89">
        <v>4.5446653895586817E-2</v>
      </c>
      <c r="AG49" s="193">
        <v>5.1017495823554054E-2</v>
      </c>
      <c r="AH49" s="89">
        <v>2.0814865733533278E-2</v>
      </c>
      <c r="AI49" s="49">
        <v>475</v>
      </c>
      <c r="AJ49" s="79">
        <v>5.4016649738005604</v>
      </c>
      <c r="AK49" s="80">
        <v>0.14730179546552857</v>
      </c>
      <c r="AL49" s="193">
        <v>9.627816898632803E-2</v>
      </c>
      <c r="AM49" s="89">
        <v>2.7371946718883523E-2</v>
      </c>
      <c r="AN49" s="193">
        <v>0.13122049202140432</v>
      </c>
      <c r="AO49" s="89">
        <v>3.1159038669354204E-2</v>
      </c>
      <c r="AP49" s="193">
        <v>0.63865362923850666</v>
      </c>
      <c r="AQ49" s="89">
        <v>4.3929618524461839E-2</v>
      </c>
      <c r="AR49" s="193">
        <v>0.13384770975376264</v>
      </c>
      <c r="AS49" s="89">
        <v>3.1412439108618906E-2</v>
      </c>
      <c r="AT49" s="49">
        <v>459</v>
      </c>
      <c r="AU49" s="79">
        <v>4.7946797437950419</v>
      </c>
      <c r="AV49" s="80">
        <v>0.1910464133157318</v>
      </c>
      <c r="AW49" s="193">
        <v>0.15824207984948641</v>
      </c>
      <c r="AX49" s="89">
        <v>3.4177901069492943E-2</v>
      </c>
      <c r="AY49" s="193">
        <v>0.11980264222972947</v>
      </c>
      <c r="AZ49" s="89">
        <v>3.0536853066080703E-2</v>
      </c>
      <c r="BA49" s="193">
        <v>0.43522853687084256</v>
      </c>
      <c r="BB49" s="89">
        <v>4.6089108372778957E-2</v>
      </c>
      <c r="BC49" s="193">
        <v>0.28672674104994333</v>
      </c>
      <c r="BD49" s="89">
        <v>4.2114422800878341E-2</v>
      </c>
    </row>
    <row r="50" spans="1:56">
      <c r="A50" s="44" t="s">
        <v>616</v>
      </c>
      <c r="B50" s="192">
        <v>247</v>
      </c>
      <c r="C50" s="175">
        <v>4.7535387743492947</v>
      </c>
      <c r="D50" s="127">
        <v>0.24363679843133523</v>
      </c>
      <c r="E50" s="194">
        <v>0.30498758951911681</v>
      </c>
      <c r="F50" s="92">
        <v>5.8285272890160257E-2</v>
      </c>
      <c r="G50" s="194">
        <v>0.10936495293982947</v>
      </c>
      <c r="H50" s="92">
        <v>4.0362721034188517E-2</v>
      </c>
      <c r="I50" s="194">
        <v>0.5809271821287435</v>
      </c>
      <c r="J50" s="92">
        <v>6.231367351382474E-2</v>
      </c>
      <c r="K50" s="194">
        <v>4.7202754123075877E-3</v>
      </c>
      <c r="L50" s="92">
        <v>1.4087991606247911E-2</v>
      </c>
      <c r="M50" s="192">
        <v>245</v>
      </c>
      <c r="N50" s="175">
        <v>3.6806112734682177</v>
      </c>
      <c r="O50" s="127">
        <v>0.27140284602923065</v>
      </c>
      <c r="P50" s="194">
        <v>0.42602621065731577</v>
      </c>
      <c r="Q50" s="92">
        <v>6.2697370605885691E-2</v>
      </c>
      <c r="R50" s="194">
        <v>0.10145532953988065</v>
      </c>
      <c r="S50" s="92">
        <v>3.931632198969727E-2</v>
      </c>
      <c r="T50" s="194">
        <v>0.31589267231568741</v>
      </c>
      <c r="U50" s="92">
        <v>5.9067010766417516E-2</v>
      </c>
      <c r="V50" s="194">
        <v>0.1566257874871132</v>
      </c>
      <c r="W50" s="92">
        <v>4.6715728044542201E-2</v>
      </c>
      <c r="X50" s="192">
        <v>244</v>
      </c>
      <c r="Y50" s="175">
        <v>3.7517300966286236</v>
      </c>
      <c r="Z50" s="127">
        <v>0.25206119241041047</v>
      </c>
      <c r="AA50" s="194">
        <v>0.47606367111209053</v>
      </c>
      <c r="AB50" s="92">
        <v>6.3429588254179048E-2</v>
      </c>
      <c r="AC50" s="194">
        <v>0.10661808035822189</v>
      </c>
      <c r="AD50" s="92">
        <v>4.0201573141746508E-2</v>
      </c>
      <c r="AE50" s="194">
        <v>0.38134607585355795</v>
      </c>
      <c r="AF50" s="92">
        <v>6.1745019010720902E-2</v>
      </c>
      <c r="AG50" s="194">
        <v>3.5972172676126818E-2</v>
      </c>
      <c r="AH50" s="92">
        <v>2.5893088420723947E-2</v>
      </c>
      <c r="AI50" s="192">
        <v>246</v>
      </c>
      <c r="AJ50" s="175">
        <v>5.478826252112392</v>
      </c>
      <c r="AK50" s="127">
        <v>0.19541205803058503</v>
      </c>
      <c r="AL50" s="194">
        <v>8.5785205633868156E-2</v>
      </c>
      <c r="AM50" s="92">
        <v>3.6632782232044955E-2</v>
      </c>
      <c r="AN50" s="194">
        <v>0.13842605615778203</v>
      </c>
      <c r="AO50" s="92">
        <v>4.443680595732627E-2</v>
      </c>
      <c r="AP50" s="194">
        <v>0.64892755190624907</v>
      </c>
      <c r="AQ50" s="92">
        <v>6.0468126831344823E-2</v>
      </c>
      <c r="AR50" s="194">
        <v>0.12686118630209819</v>
      </c>
      <c r="AS50" s="92">
        <v>4.2930124537497803E-2</v>
      </c>
      <c r="AT50" s="192">
        <v>229</v>
      </c>
      <c r="AU50" s="175">
        <v>4.7128821164822039</v>
      </c>
      <c r="AV50" s="127">
        <v>0.27137952529942011</v>
      </c>
      <c r="AW50" s="194">
        <v>0.1817024171779667</v>
      </c>
      <c r="AX50" s="92">
        <v>5.1105438394163635E-2</v>
      </c>
      <c r="AY50" s="194">
        <v>0.12294293976452308</v>
      </c>
      <c r="AZ50" s="92">
        <v>4.3979612035054419E-2</v>
      </c>
      <c r="BA50" s="194">
        <v>0.44864750095439559</v>
      </c>
      <c r="BB50" s="92">
        <v>6.5177563628890808E-2</v>
      </c>
      <c r="BC50" s="194">
        <v>0.24670714210311206</v>
      </c>
      <c r="BD50" s="92">
        <v>5.6814832820587087E-2</v>
      </c>
    </row>
    <row r="51" spans="1:56">
      <c r="A51" s="52" t="s">
        <v>544</v>
      </c>
      <c r="B51" s="191">
        <v>231</v>
      </c>
      <c r="C51" s="79">
        <v>5.4180827981733115</v>
      </c>
      <c r="D51" s="80">
        <v>0.22377242526723537</v>
      </c>
      <c r="E51" s="193">
        <v>0.1641896877508614</v>
      </c>
      <c r="F51" s="89">
        <v>4.8996342432891526E-2</v>
      </c>
      <c r="G51" s="193">
        <v>4.6309668686068159E-2</v>
      </c>
      <c r="H51" s="89">
        <v>2.9495789555324874E-2</v>
      </c>
      <c r="I51" s="193">
        <v>0.77774253518865533</v>
      </c>
      <c r="J51" s="89">
        <v>5.4649803225508692E-2</v>
      </c>
      <c r="K51" s="193">
        <v>1.175810837441461E-2</v>
      </c>
      <c r="L51" s="89">
        <v>1.8295847501880669E-2</v>
      </c>
      <c r="M51" s="191">
        <v>230</v>
      </c>
      <c r="N51" s="79">
        <v>4.1690776502921629</v>
      </c>
      <c r="O51" s="80">
        <v>0.28671961282648895</v>
      </c>
      <c r="P51" s="193">
        <v>0.29620451484746479</v>
      </c>
      <c r="Q51" s="89">
        <v>5.9896660598019937E-2</v>
      </c>
      <c r="R51" s="193">
        <v>0.16565574109336789</v>
      </c>
      <c r="S51" s="89">
        <v>4.9268668374703894E-2</v>
      </c>
      <c r="T51" s="193">
        <v>0.35331012736777884</v>
      </c>
      <c r="U51" s="89">
        <v>6.259508308643251E-2</v>
      </c>
      <c r="V51" s="193">
        <v>0.1848296166913867</v>
      </c>
      <c r="W51" s="89">
        <v>5.131344644873434E-2</v>
      </c>
      <c r="X51" s="191">
        <v>230</v>
      </c>
      <c r="Y51" s="79">
        <v>4.4643229060308087</v>
      </c>
      <c r="Z51" s="80">
        <v>0.25530633561895344</v>
      </c>
      <c r="AA51" s="193">
        <v>0.3202200390861325</v>
      </c>
      <c r="AB51" s="89">
        <v>6.1153402057900867E-2</v>
      </c>
      <c r="AC51" s="193">
        <v>0.11670331988534459</v>
      </c>
      <c r="AD51" s="89">
        <v>4.2979523306931035E-2</v>
      </c>
      <c r="AE51" s="193">
        <v>0.49854559249592989</v>
      </c>
      <c r="AF51" s="89">
        <v>6.5371777856722699E-2</v>
      </c>
      <c r="AG51" s="193">
        <v>6.4531048532591256E-2</v>
      </c>
      <c r="AH51" s="89">
        <v>3.3790345823112293E-2</v>
      </c>
      <c r="AI51" s="191">
        <v>229</v>
      </c>
      <c r="AJ51" s="79">
        <v>5.3304087774267401</v>
      </c>
      <c r="AK51" s="80">
        <v>0.2221995895888155</v>
      </c>
      <c r="AL51" s="193">
        <v>0.10582007259105893</v>
      </c>
      <c r="AM51" s="89">
        <v>4.141514985596622E-2</v>
      </c>
      <c r="AN51" s="193">
        <v>0.12466802480146334</v>
      </c>
      <c r="AO51" s="89">
        <v>4.4223635496629977E-2</v>
      </c>
      <c r="AP51" s="193">
        <v>0.62931091293948027</v>
      </c>
      <c r="AQ51" s="89">
        <v>6.3360523312227149E-2</v>
      </c>
      <c r="AR51" s="193">
        <v>0.14020098966799607</v>
      </c>
      <c r="AS51" s="89">
        <v>4.6315087567042383E-2</v>
      </c>
      <c r="AT51" s="191">
        <v>230</v>
      </c>
      <c r="AU51" s="79">
        <v>4.8756916993051806</v>
      </c>
      <c r="AV51" s="80">
        <v>0.26671720415972416</v>
      </c>
      <c r="AW51" s="193">
        <v>0.13734118820043156</v>
      </c>
      <c r="AX51" s="89">
        <v>4.5841908483553517E-2</v>
      </c>
      <c r="AY51" s="193">
        <v>0.11700494083262079</v>
      </c>
      <c r="AZ51" s="89">
        <v>4.3023905419313481E-2</v>
      </c>
      <c r="BA51" s="193">
        <v>0.42327353765552894</v>
      </c>
      <c r="BB51" s="89">
        <v>6.4624172269139246E-2</v>
      </c>
      <c r="BC51" s="193">
        <v>0.32238033331141702</v>
      </c>
      <c r="BD51" s="89">
        <v>6.1257565365326165E-2</v>
      </c>
    </row>
    <row r="52" spans="1:56">
      <c r="A52" s="44" t="s">
        <v>545</v>
      </c>
      <c r="B52" s="192">
        <v>112</v>
      </c>
      <c r="C52" s="175">
        <v>4.8668577412006178</v>
      </c>
      <c r="D52" s="127">
        <v>0.36172260538048101</v>
      </c>
      <c r="E52" s="194">
        <v>0.26525344763172287</v>
      </c>
      <c r="F52" s="92">
        <v>8.2760339860895746E-2</v>
      </c>
      <c r="G52" s="194">
        <v>0.10666199137255114</v>
      </c>
      <c r="H52" s="92">
        <v>6.0392746525247433E-2</v>
      </c>
      <c r="I52" s="194">
        <v>0.62808456099572563</v>
      </c>
      <c r="J52" s="92">
        <v>8.9962877858080006E-2</v>
      </c>
      <c r="K52" s="194">
        <v>0</v>
      </c>
      <c r="L52" s="92">
        <v>2.4171880321350918E-2</v>
      </c>
      <c r="M52" s="192">
        <v>112</v>
      </c>
      <c r="N52" s="175">
        <v>4.0002515648958541</v>
      </c>
      <c r="O52" s="127">
        <v>0.43692226174938842</v>
      </c>
      <c r="P52" s="194">
        <v>0.3651527473320002</v>
      </c>
      <c r="Q52" s="92">
        <v>8.9644633804639579E-2</v>
      </c>
      <c r="R52" s="194">
        <v>0.10276049925227243</v>
      </c>
      <c r="S52" s="92">
        <v>5.9566205153740275E-2</v>
      </c>
      <c r="T52" s="194">
        <v>0.37339142606476927</v>
      </c>
      <c r="U52" s="92">
        <v>9.0030015564368834E-2</v>
      </c>
      <c r="V52" s="194">
        <v>0.15869532735095759</v>
      </c>
      <c r="W52" s="92">
        <v>6.9828934798708428E-2</v>
      </c>
      <c r="X52" s="192">
        <v>112</v>
      </c>
      <c r="Y52" s="175">
        <v>4.4344642540661541</v>
      </c>
      <c r="Z52" s="127">
        <v>0.40626075797004829</v>
      </c>
      <c r="AA52" s="194">
        <v>0.38702415787395017</v>
      </c>
      <c r="AB52" s="92">
        <v>9.0611243625998039E-2</v>
      </c>
      <c r="AC52" s="194">
        <v>7.4455249639735543E-2</v>
      </c>
      <c r="AD52" s="92">
        <v>5.2910200792346908E-2</v>
      </c>
      <c r="AE52" s="194">
        <v>0.49435573945130229</v>
      </c>
      <c r="AF52" s="92">
        <v>9.2842154056064538E-2</v>
      </c>
      <c r="AG52" s="194">
        <v>4.4164853035011456E-2</v>
      </c>
      <c r="AH52" s="92">
        <v>4.4060028016565153E-2</v>
      </c>
      <c r="AI52" s="192">
        <v>112</v>
      </c>
      <c r="AJ52" s="175">
        <v>5.419544334348382</v>
      </c>
      <c r="AK52" s="127">
        <v>0.28986663526791373</v>
      </c>
      <c r="AL52" s="194">
        <v>8.715033354766609E-2</v>
      </c>
      <c r="AM52" s="92">
        <v>5.6050254757042228E-2</v>
      </c>
      <c r="AN52" s="194">
        <v>9.6410439528734598E-2</v>
      </c>
      <c r="AO52" s="92">
        <v>5.8177849553660704E-2</v>
      </c>
      <c r="AP52" s="194">
        <v>0.66464661395127211</v>
      </c>
      <c r="AQ52" s="92">
        <v>8.8029934386656281E-2</v>
      </c>
      <c r="AR52" s="194">
        <v>0.15179261297232688</v>
      </c>
      <c r="AS52" s="92">
        <v>6.8724688501964198E-2</v>
      </c>
      <c r="AT52" s="192">
        <v>99</v>
      </c>
      <c r="AU52" s="175">
        <v>5.140223662248248</v>
      </c>
      <c r="AV52" s="127">
        <v>0.40092442758299618</v>
      </c>
      <c r="AW52" s="194">
        <v>0.10799673479380882</v>
      </c>
      <c r="AX52" s="92">
        <v>6.4773527526049562E-2</v>
      </c>
      <c r="AY52" s="194">
        <v>0.1065059792924708</v>
      </c>
      <c r="AZ52" s="92">
        <v>6.4448415113964458E-2</v>
      </c>
      <c r="BA52" s="194">
        <v>0.48757522647370904</v>
      </c>
      <c r="BB52" s="92">
        <v>9.8504818761963667E-2</v>
      </c>
      <c r="BC52" s="194">
        <v>0.29792205944001099</v>
      </c>
      <c r="BD52" s="92">
        <v>9.0794681125319771E-2</v>
      </c>
    </row>
    <row r="53" spans="1:56">
      <c r="A53" s="52" t="s">
        <v>546</v>
      </c>
      <c r="B53" s="191">
        <v>290</v>
      </c>
      <c r="C53" s="79">
        <v>4.1939029163216244</v>
      </c>
      <c r="D53" s="80">
        <v>0.2340737743593212</v>
      </c>
      <c r="E53" s="193">
        <v>0.39392626160577171</v>
      </c>
      <c r="F53" s="89">
        <v>5.702994156599285E-2</v>
      </c>
      <c r="G53" s="193">
        <v>0.1001436908852055</v>
      </c>
      <c r="H53" s="89">
        <v>3.5844704756120345E-2</v>
      </c>
      <c r="I53" s="193">
        <v>0.50508262017969263</v>
      </c>
      <c r="J53" s="89">
        <v>5.8318252487482569E-2</v>
      </c>
      <c r="K53" s="193">
        <v>8.4742732933284636E-4</v>
      </c>
      <c r="L53" s="89">
        <v>1.0155438405751328E-2</v>
      </c>
      <c r="M53" s="191">
        <v>289</v>
      </c>
      <c r="N53" s="79">
        <v>2.9923455316290939</v>
      </c>
      <c r="O53" s="80">
        <v>0.22550405276500357</v>
      </c>
      <c r="P53" s="193">
        <v>0.56081068478450669</v>
      </c>
      <c r="Q53" s="89">
        <v>5.7998745313655405E-2</v>
      </c>
      <c r="R53" s="193">
        <v>0.12389564300976234</v>
      </c>
      <c r="S53" s="89">
        <v>3.9169080898839054E-2</v>
      </c>
      <c r="T53" s="193">
        <v>0.23050615059936277</v>
      </c>
      <c r="U53" s="89">
        <v>4.9480925737011038E-2</v>
      </c>
      <c r="V53" s="193">
        <v>8.4787521606370847E-2</v>
      </c>
      <c r="W53" s="89">
        <v>3.3514027873767324E-2</v>
      </c>
      <c r="X53" s="191">
        <v>289</v>
      </c>
      <c r="Y53" s="79">
        <v>3.063042135977335</v>
      </c>
      <c r="Z53" s="80">
        <v>0.23558647391410342</v>
      </c>
      <c r="AA53" s="193">
        <v>0.60969398610973391</v>
      </c>
      <c r="AB53" s="89">
        <v>5.703642649367479E-2</v>
      </c>
      <c r="AC53" s="193">
        <v>0.12506389664149825</v>
      </c>
      <c r="AD53" s="89">
        <v>3.9317557344315295E-2</v>
      </c>
      <c r="AE53" s="193">
        <v>0.2439294472214788</v>
      </c>
      <c r="AF53" s="89">
        <v>5.0418862111322869E-2</v>
      </c>
      <c r="AG53" s="193">
        <v>2.1312670027291588E-2</v>
      </c>
      <c r="AH53" s="89">
        <v>1.9224614126891231E-2</v>
      </c>
      <c r="AI53" s="191">
        <v>289</v>
      </c>
      <c r="AJ53" s="79">
        <v>5.072177921570554</v>
      </c>
      <c r="AK53" s="80">
        <v>0.20365513804256641</v>
      </c>
      <c r="AL53" s="193">
        <v>0.17189724015712088</v>
      </c>
      <c r="AM53" s="89">
        <v>4.4532889028143272E-2</v>
      </c>
      <c r="AN53" s="193">
        <v>0.15380289826917312</v>
      </c>
      <c r="AO53" s="89">
        <v>4.2674680296978414E-2</v>
      </c>
      <c r="AP53" s="193">
        <v>0.6107731097091097</v>
      </c>
      <c r="AQ53" s="89">
        <v>5.7008719399417998E-2</v>
      </c>
      <c r="AR53" s="193">
        <v>6.3526751864599273E-2</v>
      </c>
      <c r="AS53" s="89">
        <v>2.9710136833444652E-2</v>
      </c>
      <c r="AT53" s="191">
        <v>217</v>
      </c>
      <c r="AU53" s="79">
        <v>4.1760265275782835</v>
      </c>
      <c r="AV53" s="80">
        <v>0.28805913728047877</v>
      </c>
      <c r="AW53" s="193">
        <v>0.29874372207387934</v>
      </c>
      <c r="AX53" s="89">
        <v>6.1790604375209009E-2</v>
      </c>
      <c r="AY53" s="193">
        <v>0.10015216795822081</v>
      </c>
      <c r="AZ53" s="89">
        <v>4.1652904375710405E-2</v>
      </c>
      <c r="BA53" s="193">
        <v>0.40995306054994485</v>
      </c>
      <c r="BB53" s="89">
        <v>6.6207190354406933E-2</v>
      </c>
      <c r="BC53" s="193">
        <v>0.1911510494179566</v>
      </c>
      <c r="BD53" s="89">
        <v>5.3482187133286126E-2</v>
      </c>
    </row>
    <row r="54" spans="1:56">
      <c r="A54" s="44" t="s">
        <v>557</v>
      </c>
      <c r="B54" s="192">
        <v>112</v>
      </c>
      <c r="C54" s="175">
        <v>4.2250775333669379</v>
      </c>
      <c r="D54" s="127">
        <v>0.38242226731787005</v>
      </c>
      <c r="E54" s="194">
        <v>0.36051487414395184</v>
      </c>
      <c r="F54" s="92">
        <v>8.9416222628411188E-2</v>
      </c>
      <c r="G54" s="194">
        <v>0.11298672180166579</v>
      </c>
      <c r="H54" s="92">
        <v>6.1692292929269608E-2</v>
      </c>
      <c r="I54" s="194">
        <v>0.52649840405438331</v>
      </c>
      <c r="J54" s="92">
        <v>9.2726037868794936E-2</v>
      </c>
      <c r="K54" s="194">
        <v>0</v>
      </c>
      <c r="L54" s="92">
        <v>2.4171880321350918E-2</v>
      </c>
      <c r="M54" s="192">
        <v>112</v>
      </c>
      <c r="N54" s="175">
        <v>3.1258141718243757</v>
      </c>
      <c r="O54" s="127">
        <v>0.36926566419313395</v>
      </c>
      <c r="P54" s="194">
        <v>0.53468964097454619</v>
      </c>
      <c r="Q54" s="92">
        <v>9.2639119807837053E-2</v>
      </c>
      <c r="R54" s="194">
        <v>0.11153959675773402</v>
      </c>
      <c r="S54" s="92">
        <v>6.139922583306099E-2</v>
      </c>
      <c r="T54" s="194">
        <v>0.30627027011220076</v>
      </c>
      <c r="U54" s="92">
        <v>8.6105893919810508E-2</v>
      </c>
      <c r="V54" s="194">
        <v>4.7500492155519713E-2</v>
      </c>
      <c r="W54" s="92">
        <v>4.5151781690279426E-2</v>
      </c>
      <c r="X54" s="192">
        <v>111</v>
      </c>
      <c r="Y54" s="175">
        <v>2.887295292760546</v>
      </c>
      <c r="Z54" s="127">
        <v>0.37943151294422078</v>
      </c>
      <c r="AA54" s="194">
        <v>0.64260669503572598</v>
      </c>
      <c r="AB54" s="92">
        <v>8.9647318920792723E-2</v>
      </c>
      <c r="AC54" s="194">
        <v>0.10547229713436876</v>
      </c>
      <c r="AD54" s="92">
        <v>6.0429636223420138E-2</v>
      </c>
      <c r="AE54" s="194">
        <v>0.23394626598685267</v>
      </c>
      <c r="AF54" s="92">
        <v>8.0011720588291674E-2</v>
      </c>
      <c r="AG54" s="194">
        <v>1.7974741843053192E-2</v>
      </c>
      <c r="AH54" s="92">
        <v>3.4152553902524342E-2</v>
      </c>
      <c r="AI54" s="192">
        <v>112</v>
      </c>
      <c r="AJ54" s="175">
        <v>5.122922810033204</v>
      </c>
      <c r="AK54" s="127">
        <v>0.32985081868893817</v>
      </c>
      <c r="AL54" s="194">
        <v>0.18738853641466402</v>
      </c>
      <c r="AM54" s="92">
        <v>7.4021802448997864E-2</v>
      </c>
      <c r="AN54" s="194">
        <v>0.11667630424381302</v>
      </c>
      <c r="AO54" s="92">
        <v>6.2428391323015253E-2</v>
      </c>
      <c r="AP54" s="194">
        <v>0.64685455242727219</v>
      </c>
      <c r="AQ54" s="92">
        <v>8.9036107570341777E-2</v>
      </c>
      <c r="AR54" s="194">
        <v>4.9080606914251673E-2</v>
      </c>
      <c r="AS54" s="92">
        <v>4.5657107531400731E-2</v>
      </c>
      <c r="AT54" s="192">
        <v>86</v>
      </c>
      <c r="AU54" s="175">
        <v>4.5655755853028595</v>
      </c>
      <c r="AV54" s="127">
        <v>0.44936548630015832</v>
      </c>
      <c r="AW54" s="194">
        <v>0.21700500560004479</v>
      </c>
      <c r="AX54" s="92">
        <v>8.8662758970087574E-2</v>
      </c>
      <c r="AY54" s="194">
        <v>7.2378263121819025E-2</v>
      </c>
      <c r="AZ54" s="92">
        <v>6.0748186196979977E-2</v>
      </c>
      <c r="BA54" s="194">
        <v>0.48042835637786768</v>
      </c>
      <c r="BB54" s="92">
        <v>0.10533549427029644</v>
      </c>
      <c r="BC54" s="194">
        <v>0.23018837490026919</v>
      </c>
      <c r="BD54" s="92">
        <v>9.0315213184636756E-2</v>
      </c>
    </row>
    <row r="55" spans="1:56">
      <c r="A55" s="52" t="s">
        <v>558</v>
      </c>
      <c r="B55" s="191">
        <v>114</v>
      </c>
      <c r="C55" s="79">
        <v>4.0967533331772454</v>
      </c>
      <c r="D55" s="80">
        <v>0.36563893635674577</v>
      </c>
      <c r="E55" s="193">
        <v>0.4475433747418423</v>
      </c>
      <c r="F55" s="89">
        <v>9.1583378010291094E-2</v>
      </c>
      <c r="G55" s="193">
        <v>7.2306233423801561E-2</v>
      </c>
      <c r="H55" s="89">
        <v>5.1837208017627243E-2</v>
      </c>
      <c r="I55" s="193">
        <v>0.47902075610950184</v>
      </c>
      <c r="J55" s="89">
        <v>9.1981797169052276E-2</v>
      </c>
      <c r="K55" s="193">
        <v>1.1296357248543202E-3</v>
      </c>
      <c r="L55" s="89">
        <v>2.4505299358934907E-2</v>
      </c>
      <c r="M55" s="191">
        <v>114</v>
      </c>
      <c r="N55" s="79">
        <v>2.8709182273422664</v>
      </c>
      <c r="O55" s="80">
        <v>0.36922878667191766</v>
      </c>
      <c r="P55" s="193">
        <v>0.60896225012520222</v>
      </c>
      <c r="Q55" s="89">
        <v>8.9994071140950122E-2</v>
      </c>
      <c r="R55" s="193">
        <v>7.4686759839238726E-2</v>
      </c>
      <c r="S55" s="89">
        <v>5.2453242090624103E-2</v>
      </c>
      <c r="T55" s="193">
        <v>0.20896858624158088</v>
      </c>
      <c r="U55" s="89">
        <v>7.6123386237076721E-2</v>
      </c>
      <c r="V55" s="193">
        <v>0.10738240379397848</v>
      </c>
      <c r="W55" s="89">
        <v>5.9978821897966252E-2</v>
      </c>
      <c r="X55" s="191">
        <v>114</v>
      </c>
      <c r="Y55" s="79">
        <v>2.9731191614575829</v>
      </c>
      <c r="Z55" s="80">
        <v>0.35775503543079679</v>
      </c>
      <c r="AA55" s="193">
        <v>0.6598763437967482</v>
      </c>
      <c r="AB55" s="89">
        <v>8.755494059338946E-2</v>
      </c>
      <c r="AC55" s="193">
        <v>8.9622969221127405E-2</v>
      </c>
      <c r="AD55" s="89">
        <v>5.609155786003233E-2</v>
      </c>
      <c r="AE55" s="193">
        <v>0.24457695332071869</v>
      </c>
      <c r="AF55" s="89">
        <v>8.0065061102586335E-2</v>
      </c>
      <c r="AG55" s="193">
        <v>5.9237336614059357E-3</v>
      </c>
      <c r="AH55" s="89">
        <v>2.7406579925947507E-2</v>
      </c>
      <c r="AI55" s="191">
        <v>114</v>
      </c>
      <c r="AJ55" s="79">
        <v>4.9955553584335455</v>
      </c>
      <c r="AK55" s="80">
        <v>0.32576285223677037</v>
      </c>
      <c r="AL55" s="193">
        <v>0.17743741159336712</v>
      </c>
      <c r="AM55" s="89">
        <v>7.1990542096631083E-2</v>
      </c>
      <c r="AN55" s="193">
        <v>0.15208222448883502</v>
      </c>
      <c r="AO55" s="89">
        <v>6.8152542880089609E-2</v>
      </c>
      <c r="AP55" s="193">
        <v>0.5999734740283228</v>
      </c>
      <c r="AQ55" s="89">
        <v>9.0323603933142926E-2</v>
      </c>
      <c r="AR55" s="193">
        <v>7.0506889889475316E-2</v>
      </c>
      <c r="AS55" s="89">
        <v>5.1364354088410141E-2</v>
      </c>
      <c r="AT55" s="191">
        <v>79</v>
      </c>
      <c r="AU55" s="79">
        <v>3.717664426951409</v>
      </c>
      <c r="AV55" s="80">
        <v>0.50273960725618383</v>
      </c>
      <c r="AW55" s="193">
        <v>0.3991457384345008</v>
      </c>
      <c r="AX55" s="89">
        <v>0.10772235338464016</v>
      </c>
      <c r="AY55" s="193">
        <v>0.13395102370126527</v>
      </c>
      <c r="AZ55" s="89">
        <v>7.8728394622891731E-2</v>
      </c>
      <c r="BA55" s="193">
        <v>0.32417351386044019</v>
      </c>
      <c r="BB55" s="89">
        <v>0.10343334970233739</v>
      </c>
      <c r="BC55" s="193">
        <v>0.14272972400379366</v>
      </c>
      <c r="BD55" s="89">
        <v>8.046980842779676E-2</v>
      </c>
    </row>
    <row r="56" spans="1:56">
      <c r="A56" s="44" t="s">
        <v>549</v>
      </c>
      <c r="B56" s="192">
        <v>64</v>
      </c>
      <c r="C56" s="175">
        <v>4.2966967384227317</v>
      </c>
      <c r="D56" s="127">
        <v>0.50949471693729764</v>
      </c>
      <c r="E56" s="194">
        <v>0.36560026016365088</v>
      </c>
      <c r="F56" s="92">
        <v>0.11732290788480958</v>
      </c>
      <c r="G56" s="194">
        <v>0.12274233454244854</v>
      </c>
      <c r="H56" s="92">
        <v>8.5380845283942339E-2</v>
      </c>
      <c r="I56" s="194">
        <v>0.5097822730370194</v>
      </c>
      <c r="J56" s="92">
        <v>0.12124725200069847</v>
      </c>
      <c r="K56" s="194">
        <v>1.8751322568813138E-3</v>
      </c>
      <c r="L56" s="92">
        <v>4.2151418220111266E-2</v>
      </c>
      <c r="M56" s="192">
        <v>63</v>
      </c>
      <c r="N56" s="175">
        <v>2.9382443266481442</v>
      </c>
      <c r="O56" s="127">
        <v>0.442448307080412</v>
      </c>
      <c r="P56" s="194">
        <v>0.52803118224821244</v>
      </c>
      <c r="Q56" s="92">
        <v>0.1219995773828435</v>
      </c>
      <c r="R56" s="194">
        <v>0.22695712255458783</v>
      </c>
      <c r="S56" s="92">
        <v>0.10483352629066807</v>
      </c>
      <c r="T56" s="194">
        <v>0.13101929394808054</v>
      </c>
      <c r="U56" s="92">
        <v>8.797024758628974E-2</v>
      </c>
      <c r="V56" s="194">
        <v>0.11399240124911929</v>
      </c>
      <c r="W56" s="92">
        <v>8.4024985164157337E-2</v>
      </c>
      <c r="X56" s="192">
        <v>64</v>
      </c>
      <c r="Y56" s="175">
        <v>3.53151780409127</v>
      </c>
      <c r="Z56" s="127">
        <v>0.52682816579577196</v>
      </c>
      <c r="AA56" s="194">
        <v>0.47131606936056053</v>
      </c>
      <c r="AB56" s="92">
        <v>0.12109091902519213</v>
      </c>
      <c r="AC56" s="194">
        <v>0.21645847051829104</v>
      </c>
      <c r="AD56" s="92">
        <v>0.10255109033487669</v>
      </c>
      <c r="AE56" s="194">
        <v>0.2601909943181836</v>
      </c>
      <c r="AF56" s="92">
        <v>0.1082095840188242</v>
      </c>
      <c r="AG56" s="194">
        <v>5.203446580296496E-2</v>
      </c>
      <c r="AH56" s="92">
        <v>6.518801398645771E-2</v>
      </c>
      <c r="AI56" s="192">
        <v>63</v>
      </c>
      <c r="AJ56" s="175">
        <v>5.1061700077128664</v>
      </c>
      <c r="AK56" s="127">
        <v>0.43320077523606509</v>
      </c>
      <c r="AL56" s="194">
        <v>0.13517695561553</v>
      </c>
      <c r="AM56" s="92">
        <v>8.8880869187185671E-2</v>
      </c>
      <c r="AN56" s="194">
        <v>0.22277179725029003</v>
      </c>
      <c r="AO56" s="92">
        <v>0.10425209497025295</v>
      </c>
      <c r="AP56" s="194">
        <v>0.56428799706039545</v>
      </c>
      <c r="AQ56" s="92">
        <v>0.12127329655524077</v>
      </c>
      <c r="AR56" s="194">
        <v>7.7763250073784651E-2</v>
      </c>
      <c r="AS56" s="92">
        <v>7.4259851186746134E-2</v>
      </c>
      <c r="AT56" s="192">
        <v>52</v>
      </c>
      <c r="AU56" s="175">
        <v>4.2523653628130527</v>
      </c>
      <c r="AV56" s="127">
        <v>0.54616779743067512</v>
      </c>
      <c r="AW56" s="194">
        <v>0.29191753616207861</v>
      </c>
      <c r="AX56" s="92">
        <v>0.12324952958397663</v>
      </c>
      <c r="AY56" s="194">
        <v>9.8301423734775087E-2</v>
      </c>
      <c r="AZ56" s="92">
        <v>8.8989027267453946E-2</v>
      </c>
      <c r="BA56" s="194">
        <v>0.41467316879061883</v>
      </c>
      <c r="BB56" s="92">
        <v>0.13194216293949865</v>
      </c>
      <c r="BC56" s="194">
        <v>0.19510787131252749</v>
      </c>
      <c r="BD56" s="92">
        <v>0.11014483819767303</v>
      </c>
    </row>
    <row r="57" spans="1:56">
      <c r="A57" s="52" t="s">
        <v>550</v>
      </c>
      <c r="B57" s="191">
        <v>161</v>
      </c>
      <c r="C57" s="79">
        <v>4.6508589448448303</v>
      </c>
      <c r="D57" s="80">
        <v>0.28989190345710092</v>
      </c>
      <c r="E57" s="193">
        <v>0.27353591608375416</v>
      </c>
      <c r="F57" s="89">
        <v>6.9834518026943071E-2</v>
      </c>
      <c r="G57" s="193">
        <v>0.14022427765297665</v>
      </c>
      <c r="H57" s="89">
        <v>5.543462842167695E-2</v>
      </c>
      <c r="I57" s="193">
        <v>0.58623980626326888</v>
      </c>
      <c r="J57" s="89">
        <v>7.6739452381886647E-2</v>
      </c>
      <c r="K57" s="193">
        <v>0</v>
      </c>
      <c r="L57" s="89">
        <v>1.703777502754053E-2</v>
      </c>
      <c r="M57" s="191">
        <v>162</v>
      </c>
      <c r="N57" s="79">
        <v>3.7570843139059518</v>
      </c>
      <c r="O57" s="80">
        <v>0.30631210956923355</v>
      </c>
      <c r="P57" s="193">
        <v>0.43306083357036579</v>
      </c>
      <c r="Q57" s="89">
        <v>7.6949755306130616E-2</v>
      </c>
      <c r="R57" s="193">
        <v>0.13017532858247174</v>
      </c>
      <c r="S57" s="89">
        <v>5.3715367177486616E-2</v>
      </c>
      <c r="T57" s="193">
        <v>0.33506043995593798</v>
      </c>
      <c r="U57" s="89">
        <v>7.3483090827155761E-2</v>
      </c>
      <c r="V57" s="193">
        <v>0.10170339789122418</v>
      </c>
      <c r="W57" s="89">
        <v>4.8820550338133005E-2</v>
      </c>
      <c r="X57" s="191">
        <v>162</v>
      </c>
      <c r="Y57" s="79">
        <v>3.7286236786720695</v>
      </c>
      <c r="Z57" s="80">
        <v>0.31715532578722544</v>
      </c>
      <c r="AA57" s="193">
        <v>0.44714123578737797</v>
      </c>
      <c r="AB57" s="89">
        <v>7.7200877341090948E-2</v>
      </c>
      <c r="AC57" s="193">
        <v>0.12294887179350258</v>
      </c>
      <c r="AD57" s="89">
        <v>5.2549769295206002E-2</v>
      </c>
      <c r="AE57" s="193">
        <v>0.38192819466527311</v>
      </c>
      <c r="AF57" s="89">
        <v>7.5525916279688812E-2</v>
      </c>
      <c r="AG57" s="193">
        <v>4.7981697753846024E-2</v>
      </c>
      <c r="AH57" s="89">
        <v>3.6539330812092846E-2</v>
      </c>
      <c r="AI57" s="191">
        <v>162</v>
      </c>
      <c r="AJ57" s="79">
        <v>5.1020207411715219</v>
      </c>
      <c r="AK57" s="80">
        <v>0.24509149844445641</v>
      </c>
      <c r="AL57" s="193">
        <v>0.12872783269996235</v>
      </c>
      <c r="AM57" s="89">
        <v>5.3485721191126906E-2</v>
      </c>
      <c r="AN57" s="193">
        <v>0.1376231651437832</v>
      </c>
      <c r="AO57" s="89">
        <v>5.4867927059467789E-2</v>
      </c>
      <c r="AP57" s="193">
        <v>0.60250667697282534</v>
      </c>
      <c r="AQ57" s="89">
        <v>7.6045748967473181E-2</v>
      </c>
      <c r="AR57" s="193">
        <v>0.13114232518342864</v>
      </c>
      <c r="AS57" s="89">
        <v>5.3867738888715745E-2</v>
      </c>
      <c r="AT57" s="191">
        <v>147</v>
      </c>
      <c r="AU57" s="79">
        <v>4.6061383075222935</v>
      </c>
      <c r="AV57" s="80">
        <v>0.29637651194549169</v>
      </c>
      <c r="AW57" s="193">
        <v>0.14270875576995395</v>
      </c>
      <c r="AX57" s="89">
        <v>5.8460757963941783E-2</v>
      </c>
      <c r="AY57" s="193">
        <v>0.18232761790837693</v>
      </c>
      <c r="AZ57" s="89">
        <v>6.3945335117266494E-2</v>
      </c>
      <c r="BA57" s="193">
        <v>0.34946742336057179</v>
      </c>
      <c r="BB57" s="89">
        <v>7.780508420288984E-2</v>
      </c>
      <c r="BC57" s="193">
        <v>0.32549620296109749</v>
      </c>
      <c r="BD57" s="89">
        <v>7.6537725574977164E-2</v>
      </c>
    </row>
    <row r="58" spans="1:56">
      <c r="A58" s="44" t="s">
        <v>551</v>
      </c>
      <c r="B58" s="192">
        <v>671</v>
      </c>
      <c r="C58" s="175">
        <v>5.5710022087422066</v>
      </c>
      <c r="D58" s="127">
        <v>0.11380076577173365</v>
      </c>
      <c r="E58" s="194">
        <v>0.10313200747625124</v>
      </c>
      <c r="F58" s="92">
        <v>2.3646405346946304E-2</v>
      </c>
      <c r="G58" s="194">
        <v>0.11521225292086118</v>
      </c>
      <c r="H58" s="92">
        <v>2.4788049037771404E-2</v>
      </c>
      <c r="I58" s="194">
        <v>0.7656555728129032</v>
      </c>
      <c r="J58" s="92">
        <v>3.2683538292725682E-2</v>
      </c>
      <c r="K58" s="194">
        <v>1.6000166789990909E-2</v>
      </c>
      <c r="L58" s="92">
        <v>1.0473897199177956E-2</v>
      </c>
      <c r="M58" s="192">
        <v>670</v>
      </c>
      <c r="N58" s="175">
        <v>4.8849376769185939</v>
      </c>
      <c r="O58" s="127">
        <v>0.13891251739195284</v>
      </c>
      <c r="P58" s="194">
        <v>0.19368065064807966</v>
      </c>
      <c r="Q58" s="92">
        <v>3.0551690780223458E-2</v>
      </c>
      <c r="R58" s="194">
        <v>0.13953946937719289</v>
      </c>
      <c r="S58" s="92">
        <v>2.6864408043700095E-2</v>
      </c>
      <c r="T58" s="194">
        <v>0.54973011771786451</v>
      </c>
      <c r="U58" s="92">
        <v>3.8329833768505475E-2</v>
      </c>
      <c r="V58" s="194">
        <v>0.11704976225686763</v>
      </c>
      <c r="W58" s="92">
        <v>2.497293651550719E-2</v>
      </c>
      <c r="X58" s="192">
        <v>670</v>
      </c>
      <c r="Y58" s="175">
        <v>5.0556016522234746</v>
      </c>
      <c r="Z58" s="127">
        <v>0.13651313033686086</v>
      </c>
      <c r="AA58" s="194">
        <v>0.18462662969706201</v>
      </c>
      <c r="AB58" s="92">
        <v>3.0006593998564157E-2</v>
      </c>
      <c r="AC58" s="194">
        <v>0.13723872124700914</v>
      </c>
      <c r="AD58" s="92">
        <v>2.6682170112660965E-2</v>
      </c>
      <c r="AE58" s="194">
        <v>0.62547460821208156</v>
      </c>
      <c r="AF58" s="92">
        <v>3.7300801427184734E-2</v>
      </c>
      <c r="AG58" s="194">
        <v>5.2660040843853027E-2</v>
      </c>
      <c r="AH58" s="92">
        <v>1.7610211115175259E-2</v>
      </c>
      <c r="AI58" s="192">
        <v>668</v>
      </c>
      <c r="AJ58" s="175">
        <v>5.4445168755623028</v>
      </c>
      <c r="AK58" s="127">
        <v>0.11237563696102797</v>
      </c>
      <c r="AL58" s="194">
        <v>0.10782331953932731</v>
      </c>
      <c r="AM58" s="92">
        <v>2.4155126719967498E-2</v>
      </c>
      <c r="AN58" s="194">
        <v>0.12087084977302892</v>
      </c>
      <c r="AO58" s="92">
        <v>2.5350773937218962E-2</v>
      </c>
      <c r="AP58" s="194">
        <v>0.68822775406913417</v>
      </c>
      <c r="AQ58" s="92">
        <v>3.5772997871450871E-2</v>
      </c>
      <c r="AR58" s="194">
        <v>8.3078076618516669E-2</v>
      </c>
      <c r="AS58" s="92">
        <v>2.1580315532326325E-2</v>
      </c>
      <c r="AT58" s="192">
        <v>664</v>
      </c>
      <c r="AU58" s="175">
        <v>5.2502661180870929</v>
      </c>
      <c r="AV58" s="127">
        <v>0.12367432365272801</v>
      </c>
      <c r="AW58" s="194">
        <v>8.3851155266053384E-2</v>
      </c>
      <c r="AX58" s="92">
        <v>2.1734370766380195E-2</v>
      </c>
      <c r="AY58" s="194">
        <v>0.13883804950604872</v>
      </c>
      <c r="AZ58" s="92">
        <v>2.6930771713300425E-2</v>
      </c>
      <c r="BA58" s="194">
        <v>0.59634718482772398</v>
      </c>
      <c r="BB58" s="92">
        <v>3.7974783482186719E-2</v>
      </c>
      <c r="BC58" s="194">
        <v>0.18096361040017939</v>
      </c>
      <c r="BD58" s="92">
        <v>2.9913158256797658E-2</v>
      </c>
    </row>
    <row r="61" spans="1:56" ht="18.75">
      <c r="A61" s="342" t="s">
        <v>414</v>
      </c>
      <c r="B61" s="342"/>
      <c r="C61" s="342"/>
      <c r="D61" s="342"/>
    </row>
    <row r="62" spans="1:56" ht="101.25" customHeight="1">
      <c r="A62" s="398" t="s">
        <v>416</v>
      </c>
      <c r="B62" s="398"/>
      <c r="C62" s="398"/>
      <c r="D62" s="398"/>
    </row>
    <row r="63" spans="1:56" ht="52.5" customHeight="1">
      <c r="A63" s="409" t="s">
        <v>415</v>
      </c>
      <c r="B63" s="348"/>
      <c r="C63" s="348"/>
      <c r="D63" s="348"/>
    </row>
    <row r="64" spans="1:56" ht="72">
      <c r="A64" s="32" t="s">
        <v>71</v>
      </c>
      <c r="B64" s="33" t="s">
        <v>72</v>
      </c>
      <c r="C64" s="34" t="s">
        <v>592</v>
      </c>
      <c r="D64" s="35" t="s">
        <v>73</v>
      </c>
    </row>
    <row r="65" spans="1:4" ht="72">
      <c r="A65" s="36"/>
      <c r="B65" s="37" t="s">
        <v>74</v>
      </c>
      <c r="C65" s="123" t="s">
        <v>304</v>
      </c>
      <c r="D65" s="39" t="s">
        <v>76</v>
      </c>
    </row>
    <row r="66" spans="1:4">
      <c r="A66" s="40" t="s">
        <v>350</v>
      </c>
      <c r="B66" s="161">
        <v>13378</v>
      </c>
      <c r="C66" s="162">
        <v>4.6058382743290247</v>
      </c>
      <c r="D66" s="81">
        <v>2.841324988712805E-2</v>
      </c>
    </row>
    <row r="67" spans="1:4">
      <c r="A67" s="44" t="s">
        <v>351</v>
      </c>
      <c r="B67" s="44">
        <v>9798</v>
      </c>
      <c r="C67" s="164">
        <v>3.8991512701747868</v>
      </c>
      <c r="D67" s="82">
        <v>3.1300090940843274E-2</v>
      </c>
    </row>
    <row r="68" spans="1:4">
      <c r="A68" s="40" t="s">
        <v>352</v>
      </c>
      <c r="B68" s="48">
        <v>3580</v>
      </c>
      <c r="C68" s="162">
        <v>5.1791687404784188</v>
      </c>
      <c r="D68" s="81">
        <v>4.3236509349918018E-2</v>
      </c>
    </row>
    <row r="69" spans="1:4">
      <c r="A69" s="44" t="s">
        <v>555</v>
      </c>
      <c r="B69" s="44">
        <v>3490</v>
      </c>
      <c r="C69" s="164">
        <v>4.5041881620474928</v>
      </c>
      <c r="D69" s="82">
        <v>5.4040025243009722E-2</v>
      </c>
    </row>
    <row r="70" spans="1:4">
      <c r="A70" s="40" t="s">
        <v>556</v>
      </c>
      <c r="B70" s="48">
        <v>2864</v>
      </c>
      <c r="C70" s="162">
        <v>3.6996017688282743</v>
      </c>
      <c r="D70" s="81">
        <v>5.5426727924067755E-2</v>
      </c>
    </row>
    <row r="71" spans="1:4">
      <c r="A71" s="44" t="s">
        <v>536</v>
      </c>
      <c r="B71" s="44">
        <v>319</v>
      </c>
      <c r="C71" s="164">
        <v>3.464635745054343</v>
      </c>
      <c r="D71" s="82">
        <v>0.15533993907109556</v>
      </c>
    </row>
    <row r="72" spans="1:4">
      <c r="A72" s="40" t="s">
        <v>537</v>
      </c>
      <c r="B72" s="48">
        <v>157</v>
      </c>
      <c r="C72" s="162">
        <v>3.31434858490754</v>
      </c>
      <c r="D72" s="81">
        <v>0.22238724734149043</v>
      </c>
    </row>
    <row r="73" spans="1:4">
      <c r="A73" s="44" t="s">
        <v>538</v>
      </c>
      <c r="B73" s="44">
        <v>84</v>
      </c>
      <c r="C73" s="164">
        <v>3.5647038082806768</v>
      </c>
      <c r="D73" s="82">
        <v>0.27129930566260585</v>
      </c>
    </row>
    <row r="74" spans="1:4">
      <c r="A74" s="40" t="s">
        <v>539</v>
      </c>
      <c r="B74" s="48">
        <v>238</v>
      </c>
      <c r="C74" s="162">
        <v>3.4221828911054906</v>
      </c>
      <c r="D74" s="81">
        <v>0.1849569475849972</v>
      </c>
    </row>
    <row r="75" spans="1:4">
      <c r="A75" s="44" t="s">
        <v>540</v>
      </c>
      <c r="B75" s="44">
        <v>81</v>
      </c>
      <c r="C75" s="164">
        <v>2.9546236816401192</v>
      </c>
      <c r="D75" s="82">
        <v>0.29471112492989721</v>
      </c>
    </row>
    <row r="76" spans="1:4" ht="25.5">
      <c r="A76" s="40" t="s">
        <v>541</v>
      </c>
      <c r="B76" s="161">
        <v>88</v>
      </c>
      <c r="C76" s="162">
        <v>3.2404541284677895</v>
      </c>
      <c r="D76" s="81">
        <v>0.26914357416232626</v>
      </c>
    </row>
    <row r="77" spans="1:4">
      <c r="A77" s="44" t="s">
        <v>542</v>
      </c>
      <c r="B77" s="163">
        <v>69</v>
      </c>
      <c r="C77" s="164">
        <v>4.1125455149760386</v>
      </c>
      <c r="D77" s="82">
        <v>0.35819175470081493</v>
      </c>
    </row>
    <row r="78" spans="1:4">
      <c r="A78" s="40" t="s">
        <v>543</v>
      </c>
      <c r="B78" s="78">
        <v>463</v>
      </c>
      <c r="C78" s="162">
        <v>3.7506508537019587</v>
      </c>
      <c r="D78" s="81">
        <v>0.14687111680674853</v>
      </c>
    </row>
    <row r="79" spans="1:4">
      <c r="A79" s="44" t="s">
        <v>616</v>
      </c>
      <c r="B79" s="163">
        <v>239</v>
      </c>
      <c r="C79" s="164">
        <v>3.4183979086032257</v>
      </c>
      <c r="D79" s="82">
        <v>0.20625594054736862</v>
      </c>
    </row>
    <row r="80" spans="1:4">
      <c r="A80" s="52" t="s">
        <v>544</v>
      </c>
      <c r="B80" s="161">
        <v>224</v>
      </c>
      <c r="C80" s="162">
        <v>4.0504592138933697</v>
      </c>
      <c r="D80" s="81">
        <v>0.19518158729228843</v>
      </c>
    </row>
    <row r="81" spans="1:25">
      <c r="A81" s="44" t="s">
        <v>545</v>
      </c>
      <c r="B81" s="163">
        <v>106</v>
      </c>
      <c r="C81" s="164">
        <v>3.8322959117998487</v>
      </c>
      <c r="D81" s="82">
        <v>0.31230920270118145</v>
      </c>
    </row>
    <row r="82" spans="1:25">
      <c r="A82" s="52" t="s">
        <v>546</v>
      </c>
      <c r="B82" s="161">
        <v>271</v>
      </c>
      <c r="C82" s="162">
        <v>3.5512069162407185</v>
      </c>
      <c r="D82" s="81">
        <v>0.18308194680815751</v>
      </c>
    </row>
    <row r="83" spans="1:25">
      <c r="A83" s="44" t="s">
        <v>557</v>
      </c>
      <c r="B83" s="163">
        <v>106</v>
      </c>
      <c r="C83" s="164">
        <v>3.6136317465104564</v>
      </c>
      <c r="D83" s="82">
        <v>0.2773350094882302</v>
      </c>
    </row>
    <row r="84" spans="1:25">
      <c r="A84" s="52" t="s">
        <v>558</v>
      </c>
      <c r="B84" s="161">
        <v>107</v>
      </c>
      <c r="C84" s="162">
        <v>3.2538165702953474</v>
      </c>
      <c r="D84" s="81">
        <v>0.29914535609558346</v>
      </c>
    </row>
    <row r="85" spans="1:25">
      <c r="A85" s="44" t="s">
        <v>549</v>
      </c>
      <c r="B85" s="163">
        <v>58</v>
      </c>
      <c r="C85" s="164">
        <v>3.9188309669028789</v>
      </c>
      <c r="D85" s="82">
        <v>0.41179254245856667</v>
      </c>
    </row>
    <row r="86" spans="1:25">
      <c r="A86" s="52" t="s">
        <v>550</v>
      </c>
      <c r="B86" s="161">
        <v>158</v>
      </c>
      <c r="C86" s="162">
        <v>3.1849418145953177</v>
      </c>
      <c r="D86" s="81">
        <v>0.24547199892241661</v>
      </c>
    </row>
    <row r="87" spans="1:25">
      <c r="A87" s="44" t="s">
        <v>551</v>
      </c>
      <c r="B87" s="163">
        <v>650</v>
      </c>
      <c r="C87" s="164">
        <v>5.0574706273441992</v>
      </c>
      <c r="D87" s="82">
        <v>0.11280457550396325</v>
      </c>
    </row>
    <row r="90" spans="1:25" ht="18.75">
      <c r="A90" s="421" t="s">
        <v>511</v>
      </c>
      <c r="B90" s="421"/>
      <c r="C90" s="421"/>
      <c r="D90" s="421"/>
      <c r="E90" s="421"/>
      <c r="F90" s="421"/>
      <c r="G90" s="421"/>
      <c r="H90" s="421"/>
      <c r="I90" s="421"/>
      <c r="J90" s="421"/>
      <c r="K90" s="421"/>
      <c r="L90" s="421"/>
      <c r="M90" s="421"/>
      <c r="N90" s="421"/>
      <c r="O90" s="421"/>
      <c r="P90" s="421"/>
      <c r="Q90" s="421"/>
      <c r="R90" s="421"/>
      <c r="S90" s="421"/>
      <c r="T90" s="421"/>
      <c r="U90" s="421"/>
      <c r="V90" s="421"/>
      <c r="W90" s="421"/>
      <c r="X90" s="309"/>
      <c r="Y90" s="309"/>
    </row>
    <row r="91" spans="1:25" ht="56.25" customHeight="1">
      <c r="A91" s="414" t="s">
        <v>596</v>
      </c>
      <c r="B91" s="414"/>
      <c r="C91" s="414"/>
      <c r="D91" s="414"/>
      <c r="E91" s="414"/>
      <c r="F91" s="414"/>
      <c r="G91" s="414"/>
      <c r="H91" s="414"/>
      <c r="I91" s="414"/>
      <c r="J91" s="414"/>
      <c r="K91" s="414"/>
      <c r="L91" s="414"/>
      <c r="M91" s="414"/>
      <c r="N91" s="414"/>
      <c r="O91" s="414"/>
      <c r="P91" s="414"/>
      <c r="Q91" s="414"/>
      <c r="R91" s="414"/>
      <c r="S91" s="414"/>
      <c r="T91" s="414"/>
      <c r="U91" s="414"/>
      <c r="V91" s="414"/>
      <c r="W91" s="414"/>
      <c r="X91" s="309"/>
      <c r="Y91" s="309"/>
    </row>
    <row r="92" spans="1:25" ht="36" customHeight="1">
      <c r="A92" s="59"/>
      <c r="B92" s="389" t="s">
        <v>417</v>
      </c>
      <c r="C92" s="390"/>
      <c r="D92" s="390"/>
      <c r="E92" s="390"/>
      <c r="F92" s="390"/>
      <c r="G92" s="390"/>
      <c r="H92" s="390"/>
      <c r="I92" s="390"/>
      <c r="J92" s="390"/>
      <c r="K92" s="390"/>
      <c r="L92" s="395"/>
      <c r="M92" s="389" t="s">
        <v>418</v>
      </c>
      <c r="N92" s="390"/>
      <c r="O92" s="390"/>
      <c r="P92" s="390"/>
      <c r="Q92" s="390"/>
      <c r="R92" s="390"/>
      <c r="S92" s="390"/>
      <c r="T92" s="390"/>
      <c r="U92" s="390"/>
      <c r="V92" s="390"/>
      <c r="W92" s="390"/>
    </row>
    <row r="93" spans="1:25" ht="41.25" customHeight="1">
      <c r="A93" s="32" t="s">
        <v>71</v>
      </c>
      <c r="B93" s="33" t="s">
        <v>72</v>
      </c>
      <c r="C93" s="34" t="s">
        <v>592</v>
      </c>
      <c r="D93" s="35" t="s">
        <v>73</v>
      </c>
      <c r="E93" s="33" t="s">
        <v>312</v>
      </c>
      <c r="F93" s="84" t="s">
        <v>143</v>
      </c>
      <c r="G93" s="33" t="s">
        <v>313</v>
      </c>
      <c r="H93" s="84" t="s">
        <v>144</v>
      </c>
      <c r="I93" s="33" t="s">
        <v>314</v>
      </c>
      <c r="J93" s="84" t="s">
        <v>117</v>
      </c>
      <c r="K93" s="33" t="s">
        <v>301</v>
      </c>
      <c r="L93" s="84" t="s">
        <v>315</v>
      </c>
      <c r="M93" s="60" t="s">
        <v>72</v>
      </c>
      <c r="N93" s="61" t="s">
        <v>592</v>
      </c>
      <c r="O93" s="62" t="s">
        <v>73</v>
      </c>
      <c r="P93" s="60" t="s">
        <v>312</v>
      </c>
      <c r="Q93" s="83" t="s">
        <v>143</v>
      </c>
      <c r="R93" s="60" t="s">
        <v>316</v>
      </c>
      <c r="S93" s="83" t="s">
        <v>317</v>
      </c>
      <c r="T93" s="60" t="s">
        <v>314</v>
      </c>
      <c r="U93" s="83" t="s">
        <v>117</v>
      </c>
      <c r="V93" s="60" t="s">
        <v>301</v>
      </c>
      <c r="W93" s="83" t="s">
        <v>315</v>
      </c>
    </row>
    <row r="94" spans="1:25" ht="72">
      <c r="A94" s="36"/>
      <c r="B94" s="37" t="s">
        <v>74</v>
      </c>
      <c r="C94" s="123" t="s">
        <v>304</v>
      </c>
      <c r="D94" s="39" t="s">
        <v>76</v>
      </c>
      <c r="E94" s="37" t="s">
        <v>159</v>
      </c>
      <c r="F94" s="86" t="s">
        <v>88</v>
      </c>
      <c r="G94" s="37" t="s">
        <v>160</v>
      </c>
      <c r="H94" s="86" t="s">
        <v>88</v>
      </c>
      <c r="I94" s="37" t="s">
        <v>161</v>
      </c>
      <c r="J94" s="86" t="s">
        <v>88</v>
      </c>
      <c r="K94" s="37" t="s">
        <v>301</v>
      </c>
      <c r="L94" s="86" t="s">
        <v>88</v>
      </c>
      <c r="M94" s="63" t="s">
        <v>74</v>
      </c>
      <c r="N94" s="254" t="s">
        <v>304</v>
      </c>
      <c r="O94" s="65" t="s">
        <v>76</v>
      </c>
      <c r="P94" s="63" t="s">
        <v>159</v>
      </c>
      <c r="Q94" s="85" t="s">
        <v>88</v>
      </c>
      <c r="R94" s="63" t="s">
        <v>160</v>
      </c>
      <c r="S94" s="85" t="s">
        <v>88</v>
      </c>
      <c r="T94" s="63" t="s">
        <v>161</v>
      </c>
      <c r="U94" s="85" t="s">
        <v>88</v>
      </c>
      <c r="V94" s="63" t="s">
        <v>301</v>
      </c>
      <c r="W94" s="85" t="s">
        <v>88</v>
      </c>
    </row>
    <row r="95" spans="1:25">
      <c r="A95" s="40" t="s">
        <v>350</v>
      </c>
      <c r="B95" s="310">
        <v>13765</v>
      </c>
      <c r="C95" s="311">
        <v>4.6218854932024618</v>
      </c>
      <c r="D95" s="312">
        <v>2.9541683813995363E-2</v>
      </c>
      <c r="E95" s="313">
        <v>0.23907028799581004</v>
      </c>
      <c r="F95" s="314">
        <v>7.2704463901309612E-3</v>
      </c>
      <c r="G95" s="313">
        <v>0.17044209525032281</v>
      </c>
      <c r="H95" s="314">
        <v>6.4104343685206268E-3</v>
      </c>
      <c r="I95" s="313">
        <v>0.5804295452051893</v>
      </c>
      <c r="J95" s="314">
        <v>8.4112269517187949E-3</v>
      </c>
      <c r="K95" s="313">
        <v>1.0058071548694003E-2</v>
      </c>
      <c r="L95" s="314">
        <v>1.7126203741847147E-3</v>
      </c>
      <c r="M95" s="310">
        <v>13843</v>
      </c>
      <c r="N95" s="311">
        <v>4.5967103240332383</v>
      </c>
      <c r="O95" s="312">
        <v>3.5405588152114864E-2</v>
      </c>
      <c r="P95" s="313">
        <v>0.28846712963972082</v>
      </c>
      <c r="Q95" s="314">
        <v>7.7006102684024046E-3</v>
      </c>
      <c r="R95" s="313">
        <v>0.12828613840063616</v>
      </c>
      <c r="S95" s="314">
        <v>5.6856997465847305E-3</v>
      </c>
      <c r="T95" s="313">
        <v>0.56647253136033926</v>
      </c>
      <c r="U95" s="314">
        <v>8.4227157461731327E-3</v>
      </c>
      <c r="V95" s="313">
        <v>1.6774200599319375E-2</v>
      </c>
      <c r="W95" s="314">
        <v>2.191636005694597E-3</v>
      </c>
    </row>
    <row r="96" spans="1:25">
      <c r="A96" s="44" t="s">
        <v>351</v>
      </c>
      <c r="B96" s="44">
        <v>10100</v>
      </c>
      <c r="C96" s="175">
        <v>4.1695425903581356</v>
      </c>
      <c r="D96" s="127">
        <v>3.4448295583078915E-2</v>
      </c>
      <c r="E96" s="194">
        <v>0.34152122855695283</v>
      </c>
      <c r="F96" s="92">
        <v>9.4358768663867273E-3</v>
      </c>
      <c r="G96" s="194">
        <v>0.17469114921658968</v>
      </c>
      <c r="H96" s="92">
        <v>7.5570651502053941E-3</v>
      </c>
      <c r="I96" s="194">
        <v>0.47687708375163623</v>
      </c>
      <c r="J96" s="92">
        <v>9.9377666432826899E-3</v>
      </c>
      <c r="K96" s="194">
        <v>6.9105384748209594E-3</v>
      </c>
      <c r="L96" s="92">
        <v>1.6712430268018129E-3</v>
      </c>
      <c r="M96" s="44">
        <v>10165</v>
      </c>
      <c r="N96" s="175">
        <v>3.639621827302848</v>
      </c>
      <c r="O96" s="127">
        <v>3.8735524108903331E-2</v>
      </c>
      <c r="P96" s="194">
        <v>0.48496814217650475</v>
      </c>
      <c r="Q96" s="92">
        <v>9.9120772612238204E-3</v>
      </c>
      <c r="R96" s="194">
        <v>0.13199811931886693</v>
      </c>
      <c r="S96" s="92">
        <v>6.7164047884303987E-3</v>
      </c>
      <c r="T96" s="194">
        <v>0.36314130167084047</v>
      </c>
      <c r="U96" s="92">
        <v>9.5381482792795368E-3</v>
      </c>
      <c r="V96" s="194">
        <v>1.9892436833781689E-2</v>
      </c>
      <c r="W96" s="92">
        <v>2.7821573111958746E-3</v>
      </c>
    </row>
    <row r="97" spans="1:23">
      <c r="A97" s="40" t="s">
        <v>352</v>
      </c>
      <c r="B97" s="315">
        <v>3665</v>
      </c>
      <c r="C97" s="311">
        <v>4.9927410243324486</v>
      </c>
      <c r="D97" s="312">
        <v>4.8905180471125187E-2</v>
      </c>
      <c r="E97" s="313">
        <v>0.15555860522907791</v>
      </c>
      <c r="F97" s="314">
        <v>1.1978843463844795E-2</v>
      </c>
      <c r="G97" s="313">
        <v>0.16697852873793584</v>
      </c>
      <c r="H97" s="314">
        <v>1.2325130483906727E-2</v>
      </c>
      <c r="I97" s="313">
        <v>0.66483911980992394</v>
      </c>
      <c r="J97" s="314">
        <v>1.558830091558025E-2</v>
      </c>
      <c r="K97" s="313">
        <v>1.2623746223063092E-2</v>
      </c>
      <c r="L97" s="314">
        <v>3.7620756571589628E-3</v>
      </c>
      <c r="M97" s="315">
        <v>3678</v>
      </c>
      <c r="N97" s="311">
        <v>5.3734788863316103</v>
      </c>
      <c r="O97" s="312">
        <v>5.1390986973733115E-2</v>
      </c>
      <c r="P97" s="313">
        <v>0.12806626381766983</v>
      </c>
      <c r="Q97" s="314">
        <v>1.1028859327793969E-2</v>
      </c>
      <c r="R97" s="313">
        <v>0.12525610336156179</v>
      </c>
      <c r="S97" s="314">
        <v>1.0925254393580393E-2</v>
      </c>
      <c r="T97" s="313">
        <v>0.73244880227012543</v>
      </c>
      <c r="U97" s="314">
        <v>1.4595203895135739E-2</v>
      </c>
      <c r="V97" s="313">
        <v>1.4228830550643858E-2</v>
      </c>
      <c r="W97" s="314">
        <v>3.9742243860208465E-3</v>
      </c>
    </row>
    <row r="98" spans="1:23">
      <c r="A98" s="44" t="s">
        <v>555</v>
      </c>
      <c r="B98" s="44">
        <v>3584</v>
      </c>
      <c r="C98" s="175">
        <v>4.5059185738033838</v>
      </c>
      <c r="D98" s="127">
        <v>5.7707523633670058E-2</v>
      </c>
      <c r="E98" s="194">
        <v>0.25977861964014776</v>
      </c>
      <c r="F98" s="92">
        <v>1.464641915327526E-2</v>
      </c>
      <c r="G98" s="194">
        <v>0.18031307214947204</v>
      </c>
      <c r="H98" s="92">
        <v>1.284623110256107E-2</v>
      </c>
      <c r="I98" s="194">
        <v>0.54895603037498941</v>
      </c>
      <c r="J98" s="92">
        <v>1.6614477303991827E-2</v>
      </c>
      <c r="K98" s="194">
        <v>1.0952277835402861E-2</v>
      </c>
      <c r="L98" s="92">
        <v>3.5595412405457125E-3</v>
      </c>
      <c r="M98" s="44">
        <v>3606</v>
      </c>
      <c r="N98" s="175">
        <v>4.516556905944662</v>
      </c>
      <c r="O98" s="127">
        <v>6.6830299343578023E-2</v>
      </c>
      <c r="P98" s="194">
        <v>0.30151354889600079</v>
      </c>
      <c r="Q98" s="92">
        <v>1.5279134521943787E-2</v>
      </c>
      <c r="R98" s="194">
        <v>0.1477112696420792</v>
      </c>
      <c r="S98" s="92">
        <v>1.1823612612573428E-2</v>
      </c>
      <c r="T98" s="194">
        <v>0.5373353256338973</v>
      </c>
      <c r="U98" s="92">
        <v>1.659720501058037E-2</v>
      </c>
      <c r="V98" s="194">
        <v>1.3439855828035868E-2</v>
      </c>
      <c r="W98" s="92">
        <v>3.9080240973445582E-3</v>
      </c>
    </row>
    <row r="99" spans="1:23">
      <c r="A99" s="40" t="s">
        <v>556</v>
      </c>
      <c r="B99" s="315">
        <v>2941</v>
      </c>
      <c r="C99" s="311">
        <v>3.9530066635227268</v>
      </c>
      <c r="D99" s="312">
        <v>6.2696822752232095E-2</v>
      </c>
      <c r="E99" s="313">
        <v>0.38741844370863704</v>
      </c>
      <c r="F99" s="314">
        <v>1.7955228226768205E-2</v>
      </c>
      <c r="G99" s="313">
        <v>0.17824659956940059</v>
      </c>
      <c r="H99" s="314">
        <v>1.4118382888096925E-2</v>
      </c>
      <c r="I99" s="313">
        <v>0.42895429479869579</v>
      </c>
      <c r="J99" s="314">
        <v>1.8240655344277042E-2</v>
      </c>
      <c r="K99" s="313">
        <v>5.3806619232619002E-3</v>
      </c>
      <c r="L99" s="314">
        <v>2.858481786298479E-3</v>
      </c>
      <c r="M99" s="315">
        <v>2961</v>
      </c>
      <c r="N99" s="311">
        <v>3.4414754013641997</v>
      </c>
      <c r="O99" s="312">
        <v>6.7787217649300943E-2</v>
      </c>
      <c r="P99" s="313">
        <v>0.5283970980164584</v>
      </c>
      <c r="Q99" s="314">
        <v>1.8335298631029274E-2</v>
      </c>
      <c r="R99" s="313">
        <v>0.1408274663903078</v>
      </c>
      <c r="S99" s="314">
        <v>1.2794546175020341E-2</v>
      </c>
      <c r="T99" s="313">
        <v>0.31573253122241096</v>
      </c>
      <c r="U99" s="314">
        <v>1.7075847160469552E-2</v>
      </c>
      <c r="V99" s="313">
        <v>1.5042904370819059E-2</v>
      </c>
      <c r="W99" s="314">
        <v>4.5655423619982132E-3</v>
      </c>
    </row>
    <row r="100" spans="1:23">
      <c r="A100" s="44" t="s">
        <v>536</v>
      </c>
      <c r="B100" s="44">
        <v>329</v>
      </c>
      <c r="C100" s="175">
        <v>3.5740578552360049</v>
      </c>
      <c r="D100" s="127">
        <v>0.18679353134247725</v>
      </c>
      <c r="E100" s="194">
        <v>0.47511706052288188</v>
      </c>
      <c r="F100" s="92">
        <v>5.4733383230297777E-2</v>
      </c>
      <c r="G100" s="194">
        <v>0.15430845388545544</v>
      </c>
      <c r="H100" s="92">
        <v>4.0022673230413523E-2</v>
      </c>
      <c r="I100" s="194">
        <v>0.36168234457192872</v>
      </c>
      <c r="J100" s="92">
        <v>5.271318368771552E-2</v>
      </c>
      <c r="K100" s="194">
        <v>8.8921410197359569E-3</v>
      </c>
      <c r="L100" s="92">
        <v>1.3230482114648924E-2</v>
      </c>
      <c r="M100" s="44">
        <v>331</v>
      </c>
      <c r="N100" s="175">
        <v>3.3432426236481851</v>
      </c>
      <c r="O100" s="127">
        <v>0.18816806913888626</v>
      </c>
      <c r="P100" s="194">
        <v>0.54831697485067066</v>
      </c>
      <c r="Q100" s="92">
        <v>5.4386223790910383E-2</v>
      </c>
      <c r="R100" s="194">
        <v>0.15424398916849902</v>
      </c>
      <c r="S100" s="92">
        <v>3.9893978298695232E-2</v>
      </c>
      <c r="T100" s="194">
        <v>0.27110456878828082</v>
      </c>
      <c r="U100" s="92">
        <v>4.8727152722611432E-2</v>
      </c>
      <c r="V100" s="194">
        <v>2.6334467192551808E-2</v>
      </c>
      <c r="W100" s="92">
        <v>1.9228959424949874E-2</v>
      </c>
    </row>
    <row r="101" spans="1:23">
      <c r="A101" s="40" t="s">
        <v>537</v>
      </c>
      <c r="B101" s="315">
        <v>163</v>
      </c>
      <c r="C101" s="311">
        <v>3.2362033776544741</v>
      </c>
      <c r="D101" s="312">
        <v>0.26737895261439276</v>
      </c>
      <c r="E101" s="313">
        <v>0.58422722640120095</v>
      </c>
      <c r="F101" s="314">
        <v>7.6329187407676843E-2</v>
      </c>
      <c r="G101" s="313">
        <v>0.1239794904168551</v>
      </c>
      <c r="H101" s="314">
        <v>5.2551816813541548E-2</v>
      </c>
      <c r="I101" s="313">
        <v>0.29179328318194303</v>
      </c>
      <c r="J101" s="314">
        <v>7.070250425496874E-2</v>
      </c>
      <c r="K101" s="313">
        <v>0</v>
      </c>
      <c r="L101" s="314">
        <v>1.6834966591550982E-2</v>
      </c>
      <c r="M101" s="315">
        <v>163</v>
      </c>
      <c r="N101" s="311">
        <v>3.3705139714229753</v>
      </c>
      <c r="O101" s="312">
        <v>0.26419570300624806</v>
      </c>
      <c r="P101" s="313">
        <v>0.56477739283521466</v>
      </c>
      <c r="Q101" s="314">
        <v>7.6761157427933546E-2</v>
      </c>
      <c r="R101" s="313">
        <v>0.13760787779076028</v>
      </c>
      <c r="S101" s="314">
        <v>5.4692996313843376E-2</v>
      </c>
      <c r="T101" s="313">
        <v>0.26878290934742693</v>
      </c>
      <c r="U101" s="314">
        <v>6.9051574664560467E-2</v>
      </c>
      <c r="V101" s="313">
        <v>2.8831820026597517E-2</v>
      </c>
      <c r="W101" s="314">
        <v>3.0370127469954572E-2</v>
      </c>
    </row>
    <row r="102" spans="1:23">
      <c r="A102" s="44" t="s">
        <v>538</v>
      </c>
      <c r="B102" s="44">
        <v>86</v>
      </c>
      <c r="C102" s="175">
        <v>4.1521084593466702</v>
      </c>
      <c r="D102" s="127">
        <v>0.31399698056864872</v>
      </c>
      <c r="E102" s="194">
        <v>0.2647384356479604</v>
      </c>
      <c r="F102" s="92">
        <v>9.4154126479786077E-2</v>
      </c>
      <c r="G102" s="194">
        <v>0.27747289949656545</v>
      </c>
      <c r="H102" s="92">
        <v>9.540219032921339E-2</v>
      </c>
      <c r="I102" s="194">
        <v>0.43405016366271093</v>
      </c>
      <c r="J102" s="92">
        <v>0.10456866736032756</v>
      </c>
      <c r="K102" s="194">
        <v>2.373850119276269E-2</v>
      </c>
      <c r="L102" s="92">
        <v>4.3659876784314655E-2</v>
      </c>
      <c r="M102" s="44">
        <v>88</v>
      </c>
      <c r="N102" s="175">
        <v>2.9567719904838983</v>
      </c>
      <c r="O102" s="127">
        <v>0.32080115983677121</v>
      </c>
      <c r="P102" s="194">
        <v>0.58457229238963437</v>
      </c>
      <c r="Q102" s="92">
        <v>0.10288363218796684</v>
      </c>
      <c r="R102" s="194">
        <v>0.1555468026302198</v>
      </c>
      <c r="S102" s="92">
        <v>7.8420528955708363E-2</v>
      </c>
      <c r="T102" s="194">
        <v>0.24613661338778678</v>
      </c>
      <c r="U102" s="92">
        <v>9.1136688434381954E-2</v>
      </c>
      <c r="V102" s="194">
        <v>1.3744291592358874E-2</v>
      </c>
      <c r="W102" s="92">
        <v>3.8260447286546449E-2</v>
      </c>
    </row>
    <row r="103" spans="1:23">
      <c r="A103" s="40" t="s">
        <v>539</v>
      </c>
      <c r="B103" s="315">
        <v>245</v>
      </c>
      <c r="C103" s="311">
        <v>3.9411551292251006</v>
      </c>
      <c r="D103" s="312">
        <v>0.22491615924278224</v>
      </c>
      <c r="E103" s="313">
        <v>0.374562340589983</v>
      </c>
      <c r="F103" s="314">
        <v>6.1411360701718556E-2</v>
      </c>
      <c r="G103" s="313">
        <v>0.20978983634070186</v>
      </c>
      <c r="H103" s="314">
        <v>5.2021350624460998E-2</v>
      </c>
      <c r="I103" s="313">
        <v>0.41564782306931319</v>
      </c>
      <c r="J103" s="314">
        <v>6.2493241756338205E-2</v>
      </c>
      <c r="K103" s="313">
        <v>0</v>
      </c>
      <c r="L103" s="314">
        <v>1.131343404848041E-2</v>
      </c>
      <c r="M103" s="315">
        <v>243</v>
      </c>
      <c r="N103" s="311">
        <v>2.897214315563422</v>
      </c>
      <c r="O103" s="312">
        <v>0.21261082721112876</v>
      </c>
      <c r="P103" s="313">
        <v>0.67854245442390704</v>
      </c>
      <c r="Q103" s="314">
        <v>5.9572933365903198E-2</v>
      </c>
      <c r="R103" s="313">
        <v>0.12587307250726762</v>
      </c>
      <c r="S103" s="314">
        <v>4.3065867293926564E-2</v>
      </c>
      <c r="T103" s="313">
        <v>0.19340726744803299</v>
      </c>
      <c r="U103" s="314">
        <v>5.074677147942562E-2</v>
      </c>
      <c r="V103" s="313">
        <v>2.1772056207895419E-3</v>
      </c>
      <c r="W103" s="314">
        <v>1.2810846734254094E-2</v>
      </c>
    </row>
    <row r="104" spans="1:23">
      <c r="A104" s="44" t="s">
        <v>540</v>
      </c>
      <c r="B104" s="44">
        <v>82</v>
      </c>
      <c r="C104" s="175">
        <v>3.499737272881275</v>
      </c>
      <c r="D104" s="127">
        <v>0.37642535523095622</v>
      </c>
      <c r="E104" s="194">
        <v>0.51667855654653772</v>
      </c>
      <c r="F104" s="92">
        <v>0.10777821772481913</v>
      </c>
      <c r="G104" s="194">
        <v>0.15085782245510079</v>
      </c>
      <c r="H104" s="92">
        <v>8.0456716159373526E-2</v>
      </c>
      <c r="I104" s="194">
        <v>0.33246362099836158</v>
      </c>
      <c r="J104" s="92">
        <v>0.10218129303344366</v>
      </c>
      <c r="K104" s="194">
        <v>0</v>
      </c>
      <c r="L104" s="92">
        <v>3.2504011252172456E-2</v>
      </c>
      <c r="M104" s="44">
        <v>81</v>
      </c>
      <c r="N104" s="175">
        <v>2.3887520962557294</v>
      </c>
      <c r="O104" s="127">
        <v>0.34352824739697957</v>
      </c>
      <c r="P104" s="194">
        <v>0.79474096433612029</v>
      </c>
      <c r="Q104" s="92">
        <v>8.9734665862864757E-2</v>
      </c>
      <c r="R104" s="194">
        <v>9.0401317443650611E-2</v>
      </c>
      <c r="S104" s="92">
        <v>6.7787767086502609E-2</v>
      </c>
      <c r="T104" s="194">
        <v>0.11485771822022869</v>
      </c>
      <c r="U104" s="92">
        <v>7.3659896463192917E-2</v>
      </c>
      <c r="V104" s="194">
        <v>0</v>
      </c>
      <c r="W104" s="92">
        <v>3.2881805121991139E-2</v>
      </c>
    </row>
    <row r="105" spans="1:23" ht="25.5">
      <c r="A105" s="40" t="s">
        <v>541</v>
      </c>
      <c r="B105" s="310">
        <v>92</v>
      </c>
      <c r="C105" s="311">
        <v>3.926088420291431</v>
      </c>
      <c r="D105" s="312">
        <v>0.34603939102724129</v>
      </c>
      <c r="E105" s="313">
        <v>0.3063034160610586</v>
      </c>
      <c r="F105" s="314">
        <v>9.4767924397286665E-2</v>
      </c>
      <c r="G105" s="313">
        <v>0.29894329556155153</v>
      </c>
      <c r="H105" s="314">
        <v>9.4179498667312775E-2</v>
      </c>
      <c r="I105" s="313">
        <v>0.39475328837739004</v>
      </c>
      <c r="J105" s="314">
        <v>9.9963945904807894E-2</v>
      </c>
      <c r="K105" s="313">
        <v>0</v>
      </c>
      <c r="L105" s="314">
        <v>2.9154263235671291E-2</v>
      </c>
      <c r="M105" s="310">
        <v>91</v>
      </c>
      <c r="N105" s="311">
        <v>2.5589405867766177</v>
      </c>
      <c r="O105" s="312">
        <v>0.28244777063502569</v>
      </c>
      <c r="P105" s="313">
        <v>0.77327140488851087</v>
      </c>
      <c r="Q105" s="314">
        <v>8.7414068211510293E-2</v>
      </c>
      <c r="R105" s="313">
        <v>0.14611167163144606</v>
      </c>
      <c r="S105" s="314">
        <v>7.5418075093393044E-2</v>
      </c>
      <c r="T105" s="313">
        <v>7.6962581405736807E-2</v>
      </c>
      <c r="U105" s="314">
        <v>6.010252386601761E-2</v>
      </c>
      <c r="V105" s="313">
        <v>3.65434207430628E-3</v>
      </c>
      <c r="W105" s="314">
        <v>3.1755812778416909E-2</v>
      </c>
    </row>
    <row r="106" spans="1:23">
      <c r="A106" s="44" t="s">
        <v>542</v>
      </c>
      <c r="B106" s="192">
        <v>71</v>
      </c>
      <c r="C106" s="175">
        <v>4.4207594373417569</v>
      </c>
      <c r="D106" s="127">
        <v>0.42845305626675195</v>
      </c>
      <c r="E106" s="194">
        <v>0.30308639291864242</v>
      </c>
      <c r="F106" s="92">
        <v>0.10714494475763625</v>
      </c>
      <c r="G106" s="194">
        <v>0.17040383240741666</v>
      </c>
      <c r="H106" s="92">
        <v>9.0227845388950234E-2</v>
      </c>
      <c r="I106" s="194">
        <v>0.52650977467394056</v>
      </c>
      <c r="J106" s="92">
        <v>0.11532451483776626</v>
      </c>
      <c r="K106" s="194">
        <v>0</v>
      </c>
      <c r="L106" s="92">
        <v>3.7206132509255738E-2</v>
      </c>
      <c r="M106" s="192">
        <v>71</v>
      </c>
      <c r="N106" s="175">
        <v>3.8072582816586968</v>
      </c>
      <c r="O106" s="127">
        <v>0.42936054203996171</v>
      </c>
      <c r="P106" s="194">
        <v>0.45107254724182655</v>
      </c>
      <c r="Q106" s="92">
        <v>0.11497353757707895</v>
      </c>
      <c r="R106" s="194">
        <v>0.13959100968561056</v>
      </c>
      <c r="S106" s="92">
        <v>8.4408944205759368E-2</v>
      </c>
      <c r="T106" s="194">
        <v>0.4065835451472985</v>
      </c>
      <c r="U106" s="92">
        <v>0.1136496099423769</v>
      </c>
      <c r="V106" s="194">
        <v>2.7528979252639308E-3</v>
      </c>
      <c r="W106" s="92">
        <v>3.8929577351854476E-2</v>
      </c>
    </row>
    <row r="107" spans="1:23">
      <c r="A107" s="40" t="s">
        <v>543</v>
      </c>
      <c r="B107" s="316">
        <v>472</v>
      </c>
      <c r="C107" s="311">
        <v>4.0410535381474597</v>
      </c>
      <c r="D107" s="312">
        <v>0.16121490595658505</v>
      </c>
      <c r="E107" s="313">
        <v>0.38435083475782944</v>
      </c>
      <c r="F107" s="314">
        <v>4.4613099733402051E-2</v>
      </c>
      <c r="G107" s="313">
        <v>0.14904647534802004</v>
      </c>
      <c r="H107" s="314">
        <v>3.2911005868289558E-2</v>
      </c>
      <c r="I107" s="313">
        <v>0.46269172847778406</v>
      </c>
      <c r="J107" s="314">
        <v>4.5709292215066838E-2</v>
      </c>
      <c r="K107" s="313">
        <v>3.9109614163685292E-3</v>
      </c>
      <c r="L107" s="314">
        <v>8.2066247437261597E-3</v>
      </c>
      <c r="M107" s="316">
        <v>475</v>
      </c>
      <c r="N107" s="311">
        <v>3.4752993308822595</v>
      </c>
      <c r="O107" s="312">
        <v>0.17770215965840386</v>
      </c>
      <c r="P107" s="313">
        <v>0.50671933808853253</v>
      </c>
      <c r="Q107" s="314">
        <v>4.5687108811618381E-2</v>
      </c>
      <c r="R107" s="313">
        <v>0.16540660916033176</v>
      </c>
      <c r="S107" s="314">
        <v>3.4181051793762872E-2</v>
      </c>
      <c r="T107" s="313">
        <v>0.31304812238605972</v>
      </c>
      <c r="U107" s="314">
        <v>4.2434307919550912E-2</v>
      </c>
      <c r="V107" s="313">
        <v>1.4825930365077858E-2</v>
      </c>
      <c r="W107" s="314">
        <v>1.2436436732038782E-2</v>
      </c>
    </row>
    <row r="108" spans="1:23">
      <c r="A108" s="44" t="s">
        <v>616</v>
      </c>
      <c r="B108" s="192">
        <v>244</v>
      </c>
      <c r="C108" s="175">
        <v>3.7030006539372264</v>
      </c>
      <c r="D108" s="127">
        <v>0.23844414062543323</v>
      </c>
      <c r="E108" s="194">
        <v>0.47958568971413856</v>
      </c>
      <c r="F108" s="92">
        <v>6.344880980585102E-2</v>
      </c>
      <c r="G108" s="194">
        <v>0.14252492012995849</v>
      </c>
      <c r="H108" s="92">
        <v>4.5134303378439503E-2</v>
      </c>
      <c r="I108" s="194">
        <v>0.37788939015590017</v>
      </c>
      <c r="J108" s="92">
        <v>6.1639707557815851E-2</v>
      </c>
      <c r="K108" s="194">
        <v>0</v>
      </c>
      <c r="L108" s="92">
        <v>1.1358867296889074E-2</v>
      </c>
      <c r="M108" s="192">
        <v>245</v>
      </c>
      <c r="N108" s="175">
        <v>3.1630192068260787</v>
      </c>
      <c r="O108" s="127">
        <v>0.23992701793748986</v>
      </c>
      <c r="P108" s="194">
        <v>0.59941854357309154</v>
      </c>
      <c r="Q108" s="92">
        <v>6.214776564848766E-2</v>
      </c>
      <c r="R108" s="194">
        <v>0.12456656414170725</v>
      </c>
      <c r="S108" s="92">
        <v>4.2707915075224319E-2</v>
      </c>
      <c r="T108" s="194">
        <v>0.26459874760567853</v>
      </c>
      <c r="U108" s="92">
        <v>5.616274568986962E-2</v>
      </c>
      <c r="V108" s="194">
        <v>1.14161446795202E-2</v>
      </c>
      <c r="W108" s="92">
        <v>1.7421652806029312E-2</v>
      </c>
    </row>
    <row r="109" spans="1:23">
      <c r="A109" s="52" t="s">
        <v>544</v>
      </c>
      <c r="B109" s="310">
        <v>228</v>
      </c>
      <c r="C109" s="311">
        <v>4.3485097444186049</v>
      </c>
      <c r="D109" s="312">
        <v>0.2031621655604213</v>
      </c>
      <c r="E109" s="313">
        <v>0.29838009463023235</v>
      </c>
      <c r="F109" s="314">
        <v>6.0277958759570836E-2</v>
      </c>
      <c r="G109" s="313">
        <v>0.15493363639989399</v>
      </c>
      <c r="H109" s="314">
        <v>4.8245010212853032E-2</v>
      </c>
      <c r="I109" s="313">
        <v>0.53924479083533416</v>
      </c>
      <c r="J109" s="314">
        <v>6.5457606352268438E-2</v>
      </c>
      <c r="K109" s="313">
        <v>7.4414781345376827E-3</v>
      </c>
      <c r="L109" s="314">
        <v>1.6442154791431823E-2</v>
      </c>
      <c r="M109" s="310">
        <v>230</v>
      </c>
      <c r="N109" s="311">
        <v>3.7589119794266628</v>
      </c>
      <c r="O109" s="312">
        <v>0.25233508775167679</v>
      </c>
      <c r="P109" s="313">
        <v>0.42308234510098514</v>
      </c>
      <c r="Q109" s="314">
        <v>6.4620418715494218E-2</v>
      </c>
      <c r="R109" s="313">
        <v>0.20225415861859006</v>
      </c>
      <c r="S109" s="314">
        <v>5.3004171230304709E-2</v>
      </c>
      <c r="T109" s="313">
        <v>0.35676111860405185</v>
      </c>
      <c r="U109" s="314">
        <v>6.2726931791267024E-2</v>
      </c>
      <c r="V109" s="313">
        <v>1.7902377676371217E-2</v>
      </c>
      <c r="W109" s="314">
        <v>2.0861729268197887E-2</v>
      </c>
    </row>
    <row r="110" spans="1:23">
      <c r="A110" s="44" t="s">
        <v>545</v>
      </c>
      <c r="B110" s="192">
        <v>110</v>
      </c>
      <c r="C110" s="175">
        <v>3.8428941211623133</v>
      </c>
      <c r="D110" s="127">
        <v>0.32986050581179305</v>
      </c>
      <c r="E110" s="194">
        <v>0.37377491854055545</v>
      </c>
      <c r="F110" s="92">
        <v>9.0837372017098461E-2</v>
      </c>
      <c r="G110" s="194">
        <v>0.19267463808715415</v>
      </c>
      <c r="H110" s="92">
        <v>7.5408323059019122E-2</v>
      </c>
      <c r="I110" s="194">
        <v>0.43355044337228998</v>
      </c>
      <c r="J110" s="92">
        <v>9.2885306175256227E-2</v>
      </c>
      <c r="K110" s="194">
        <v>0</v>
      </c>
      <c r="L110" s="92">
        <v>2.4592162949139032E-2</v>
      </c>
      <c r="M110" s="192">
        <v>111</v>
      </c>
      <c r="N110" s="175">
        <v>3.8200635155391831</v>
      </c>
      <c r="O110" s="127">
        <v>0.3837190107618203</v>
      </c>
      <c r="P110" s="194">
        <v>0.43881212303777206</v>
      </c>
      <c r="Q110" s="92">
        <v>9.2597673610693418E-2</v>
      </c>
      <c r="R110" s="194">
        <v>0.16310641202786805</v>
      </c>
      <c r="S110" s="92">
        <v>7.083621318970465E-2</v>
      </c>
      <c r="T110" s="194">
        <v>0.37224794431058478</v>
      </c>
      <c r="U110" s="92">
        <v>9.0370255276972219E-2</v>
      </c>
      <c r="V110" s="194">
        <v>2.5833520623774513E-2</v>
      </c>
      <c r="W110" s="92">
        <v>3.7548695243862569E-2</v>
      </c>
    </row>
    <row r="111" spans="1:23">
      <c r="A111" s="52" t="s">
        <v>546</v>
      </c>
      <c r="B111" s="310">
        <v>283</v>
      </c>
      <c r="C111" s="311">
        <v>3.8857976268673702</v>
      </c>
      <c r="D111" s="312">
        <v>0.20105289734876938</v>
      </c>
      <c r="E111" s="313">
        <v>0.41022140491614145</v>
      </c>
      <c r="F111" s="314">
        <v>5.8095549392148053E-2</v>
      </c>
      <c r="G111" s="313">
        <v>0.16710463432269795</v>
      </c>
      <c r="H111" s="314">
        <v>4.452587072444511E-2</v>
      </c>
      <c r="I111" s="313">
        <v>0.4226739607611632</v>
      </c>
      <c r="J111" s="314">
        <v>5.833773983326343E-2</v>
      </c>
      <c r="K111" s="313">
        <v>0</v>
      </c>
      <c r="L111" s="314">
        <v>9.8207482531004545E-3</v>
      </c>
      <c r="M111" s="310">
        <v>290</v>
      </c>
      <c r="N111" s="311">
        <v>3.2251273447699469</v>
      </c>
      <c r="O111" s="312">
        <v>0.2186050728618506</v>
      </c>
      <c r="P111" s="313">
        <v>0.59902265251470721</v>
      </c>
      <c r="Q111" s="314">
        <v>5.7197535167893915E-2</v>
      </c>
      <c r="R111" s="313">
        <v>0.13893633763662575</v>
      </c>
      <c r="S111" s="314">
        <v>4.0934043553739523E-2</v>
      </c>
      <c r="T111" s="313">
        <v>0.24306369988179263</v>
      </c>
      <c r="U111" s="314">
        <v>5.0273791662742942E-2</v>
      </c>
      <c r="V111" s="313">
        <v>1.8977309966876764E-2</v>
      </c>
      <c r="W111" s="314">
        <v>1.8394938756215812E-2</v>
      </c>
    </row>
    <row r="112" spans="1:23">
      <c r="A112" s="44" t="s">
        <v>557</v>
      </c>
      <c r="B112" s="192">
        <v>109</v>
      </c>
      <c r="C112" s="175">
        <v>4.2026426600819944</v>
      </c>
      <c r="D112" s="127">
        <v>0.3151019921592888</v>
      </c>
      <c r="E112" s="194">
        <v>0.33882182035748876</v>
      </c>
      <c r="F112" s="92">
        <v>8.9408720787983578E-2</v>
      </c>
      <c r="G112" s="194">
        <v>0.16206278455508208</v>
      </c>
      <c r="H112" s="92">
        <v>7.1331311300658659E-2</v>
      </c>
      <c r="I112" s="194">
        <v>0.49911539508742986</v>
      </c>
      <c r="J112" s="92">
        <v>9.4071949849297468E-2</v>
      </c>
      <c r="K112" s="194">
        <v>0</v>
      </c>
      <c r="L112" s="92">
        <v>2.4807832313658393E-2</v>
      </c>
      <c r="M112" s="192">
        <v>112</v>
      </c>
      <c r="N112" s="175">
        <v>3.025271699955749</v>
      </c>
      <c r="O112" s="127">
        <v>0.31837247871643215</v>
      </c>
      <c r="P112" s="194">
        <v>0.67102198185802364</v>
      </c>
      <c r="Q112" s="92">
        <v>8.763833255371288E-2</v>
      </c>
      <c r="R112" s="194">
        <v>0.11554379784223304</v>
      </c>
      <c r="S112" s="92">
        <v>6.2204122907067075E-2</v>
      </c>
      <c r="T112" s="194">
        <v>0.21085468700465859</v>
      </c>
      <c r="U112" s="92">
        <v>7.7026963358331965E-2</v>
      </c>
      <c r="V112" s="194">
        <v>2.5795332950854901E-3</v>
      </c>
      <c r="W112" s="92">
        <v>2.5826084655572613E-2</v>
      </c>
    </row>
    <row r="113" spans="1:23">
      <c r="A113" s="52" t="s">
        <v>558</v>
      </c>
      <c r="B113" s="310">
        <v>112</v>
      </c>
      <c r="C113" s="311">
        <v>3.462264337865423</v>
      </c>
      <c r="D113" s="312">
        <v>0.31723431815081521</v>
      </c>
      <c r="E113" s="313">
        <v>0.49722491989285283</v>
      </c>
      <c r="F113" s="314">
        <v>9.2846335950137582E-2</v>
      </c>
      <c r="G113" s="313">
        <v>0.1868369135131849</v>
      </c>
      <c r="H113" s="314">
        <v>7.3946810843740357E-2</v>
      </c>
      <c r="I113" s="313">
        <v>0.31593816659396246</v>
      </c>
      <c r="J113" s="314">
        <v>8.6784994668643728E-2</v>
      </c>
      <c r="K113" s="313">
        <v>0</v>
      </c>
      <c r="L113" s="314">
        <v>2.4171880321350918E-2</v>
      </c>
      <c r="M113" s="310">
        <v>114</v>
      </c>
      <c r="N113" s="311">
        <v>3.0642502854627613</v>
      </c>
      <c r="O113" s="312">
        <v>0.36530742546354544</v>
      </c>
      <c r="P113" s="313">
        <v>0.59825538336776407</v>
      </c>
      <c r="Q113" s="314">
        <v>9.0383233553086723E-2</v>
      </c>
      <c r="R113" s="313">
        <v>9.9414893823427539E-2</v>
      </c>
      <c r="S113" s="314">
        <v>5.8288119741217476E-2</v>
      </c>
      <c r="T113" s="313">
        <v>0.27342878706171997</v>
      </c>
      <c r="U113" s="314">
        <v>8.2767143914943428E-2</v>
      </c>
      <c r="V113" s="313">
        <v>2.890093574708865E-2</v>
      </c>
      <c r="W113" s="314">
        <v>3.8115365981542665E-2</v>
      </c>
    </row>
    <row r="114" spans="1:23">
      <c r="A114" s="44" t="s">
        <v>549</v>
      </c>
      <c r="B114" s="192">
        <v>62</v>
      </c>
      <c r="C114" s="175">
        <v>4.0065386261133815</v>
      </c>
      <c r="D114" s="127">
        <v>0.44795259127191767</v>
      </c>
      <c r="E114" s="194">
        <v>0.39665437317367735</v>
      </c>
      <c r="F114" s="92">
        <v>0.12074893453732836</v>
      </c>
      <c r="G114" s="194">
        <v>0.14417790677804998</v>
      </c>
      <c r="H114" s="92">
        <v>9.1543061286391975E-2</v>
      </c>
      <c r="I114" s="194">
        <v>0.45916772004827289</v>
      </c>
      <c r="J114" s="92">
        <v>0.1227287461831081</v>
      </c>
      <c r="K114" s="194">
        <v>0</v>
      </c>
      <c r="L114" s="92">
        <v>4.2200643868047963E-2</v>
      </c>
      <c r="M114" s="192">
        <v>64</v>
      </c>
      <c r="N114" s="175">
        <v>3.8472385492932464</v>
      </c>
      <c r="O114" s="127">
        <v>0.48881740532010459</v>
      </c>
      <c r="P114" s="194">
        <v>0.47410093051968893</v>
      </c>
      <c r="Q114" s="92">
        <v>0.12112361949141114</v>
      </c>
      <c r="R114" s="194">
        <v>0.24396175393448311</v>
      </c>
      <c r="S114" s="92">
        <v>0.10625441228346033</v>
      </c>
      <c r="T114" s="194">
        <v>0.25030480537227701</v>
      </c>
      <c r="U114" s="92">
        <v>0.10703809003350406</v>
      </c>
      <c r="V114" s="194">
        <v>3.1632510173551155E-2</v>
      </c>
      <c r="W114" s="92">
        <v>5.7230621020086539E-2</v>
      </c>
    </row>
    <row r="115" spans="1:23">
      <c r="A115" s="52" t="s">
        <v>550</v>
      </c>
      <c r="B115" s="310">
        <v>160</v>
      </c>
      <c r="C115" s="311">
        <v>3.5076432328570104</v>
      </c>
      <c r="D115" s="312">
        <v>0.28169807424163645</v>
      </c>
      <c r="E115" s="313">
        <v>0.49027640877956097</v>
      </c>
      <c r="F115" s="314">
        <v>7.807282523343459E-2</v>
      </c>
      <c r="G115" s="313">
        <v>0.17752653404241939</v>
      </c>
      <c r="H115" s="314">
        <v>6.0691471469156162E-2</v>
      </c>
      <c r="I115" s="313">
        <v>0.33219705717801934</v>
      </c>
      <c r="J115" s="314">
        <v>7.3782636318435596E-2</v>
      </c>
      <c r="K115" s="313">
        <v>0</v>
      </c>
      <c r="L115" s="314">
        <v>1.7141022646310424E-2</v>
      </c>
      <c r="M115" s="310">
        <v>161</v>
      </c>
      <c r="N115" s="311">
        <v>2.8596896197460016</v>
      </c>
      <c r="O115" s="312">
        <v>0.26739583803438904</v>
      </c>
      <c r="P115" s="313">
        <v>0.67624358649974614</v>
      </c>
      <c r="Q115" s="314">
        <v>7.3100341184139828E-2</v>
      </c>
      <c r="R115" s="313">
        <v>0.10877431517092892</v>
      </c>
      <c r="S115" s="314">
        <v>5.0277649429388456E-2</v>
      </c>
      <c r="T115" s="313">
        <v>0.20790152727251482</v>
      </c>
      <c r="U115" s="314">
        <v>6.3963084059874678E-2</v>
      </c>
      <c r="V115" s="313">
        <v>7.0805710568098614E-3</v>
      </c>
      <c r="W115" s="314">
        <v>2.1273393261098682E-2</v>
      </c>
    </row>
    <row r="116" spans="1:23">
      <c r="A116" s="44" t="s">
        <v>551</v>
      </c>
      <c r="B116" s="192">
        <v>666</v>
      </c>
      <c r="C116" s="175">
        <v>4.8880938235528477</v>
      </c>
      <c r="D116" s="127">
        <v>0.12451804429118411</v>
      </c>
      <c r="E116" s="194">
        <v>0.17328588979465639</v>
      </c>
      <c r="F116" s="92">
        <v>2.9374434845963401E-2</v>
      </c>
      <c r="G116" s="194">
        <v>0.18060498170877629</v>
      </c>
      <c r="H116" s="92">
        <v>2.9845498079077621E-2</v>
      </c>
      <c r="I116" s="194">
        <v>0.63144269319705648</v>
      </c>
      <c r="J116" s="92">
        <v>3.7290989452707382E-2</v>
      </c>
      <c r="K116" s="194">
        <v>1.4666435299516683E-2</v>
      </c>
      <c r="L116" s="92">
        <v>1.0149761208861519E-2</v>
      </c>
      <c r="M116" s="192">
        <v>668</v>
      </c>
      <c r="N116" s="175">
        <v>5.2536737172331023</v>
      </c>
      <c r="O116" s="127">
        <v>0.1294209345346248</v>
      </c>
      <c r="P116" s="194">
        <v>0.14580042062278445</v>
      </c>
      <c r="Q116" s="92">
        <v>2.7389578385656945E-2</v>
      </c>
      <c r="R116" s="194">
        <v>0.14913717802808657</v>
      </c>
      <c r="S116" s="92">
        <v>2.7641029160585934E-2</v>
      </c>
      <c r="T116" s="194">
        <v>0.69314994343843706</v>
      </c>
      <c r="U116" s="92">
        <v>3.5618339586626413E-2</v>
      </c>
      <c r="V116" s="194">
        <v>1.1912457910698797E-2</v>
      </c>
      <c r="W116" s="92">
        <v>9.3216898420674047E-3</v>
      </c>
    </row>
    <row r="119" spans="1:23" ht="18.75">
      <c r="A119" s="342" t="s">
        <v>420</v>
      </c>
      <c r="B119" s="342"/>
      <c r="C119" s="342"/>
      <c r="D119" s="342"/>
    </row>
    <row r="120" spans="1:23" ht="138" customHeight="1">
      <c r="A120" s="398" t="s">
        <v>603</v>
      </c>
      <c r="B120" s="398"/>
      <c r="C120" s="398"/>
      <c r="D120" s="398"/>
    </row>
    <row r="121" spans="1:23" ht="15.75">
      <c r="A121" s="409" t="s">
        <v>421</v>
      </c>
      <c r="B121" s="348"/>
      <c r="C121" s="348"/>
      <c r="D121" s="348"/>
    </row>
    <row r="122" spans="1:23" ht="72">
      <c r="A122" s="32" t="s">
        <v>71</v>
      </c>
      <c r="B122" s="33" t="s">
        <v>72</v>
      </c>
      <c r="C122" s="34" t="s">
        <v>592</v>
      </c>
      <c r="D122" s="35" t="s">
        <v>73</v>
      </c>
    </row>
    <row r="123" spans="1:23" ht="72">
      <c r="A123" s="36"/>
      <c r="B123" s="37" t="s">
        <v>74</v>
      </c>
      <c r="C123" s="123" t="s">
        <v>304</v>
      </c>
      <c r="D123" s="39" t="s">
        <v>76</v>
      </c>
    </row>
    <row r="124" spans="1:23">
      <c r="A124" s="40" t="s">
        <v>350</v>
      </c>
      <c r="B124" s="161">
        <v>12483</v>
      </c>
      <c r="C124" s="162">
        <v>5.0549627128288224</v>
      </c>
      <c r="D124" s="81">
        <v>2.3991524523542411E-2</v>
      </c>
    </row>
    <row r="125" spans="1:23">
      <c r="A125" s="44" t="s">
        <v>351</v>
      </c>
      <c r="B125" s="44">
        <v>8844</v>
      </c>
      <c r="C125" s="164">
        <v>4.8992552294447611</v>
      </c>
      <c r="D125" s="82">
        <v>2.9705474198317244E-2</v>
      </c>
    </row>
    <row r="126" spans="1:23">
      <c r="A126" s="40" t="s">
        <v>352</v>
      </c>
      <c r="B126" s="48">
        <v>3639</v>
      </c>
      <c r="C126" s="162">
        <v>5.1803805066753794</v>
      </c>
      <c r="D126" s="81">
        <v>3.8200202057961007E-2</v>
      </c>
    </row>
    <row r="127" spans="1:23">
      <c r="A127" s="44" t="s">
        <v>555</v>
      </c>
      <c r="B127" s="44">
        <v>3234</v>
      </c>
      <c r="C127" s="164">
        <v>5.0401067745515196</v>
      </c>
      <c r="D127" s="82">
        <v>4.8532221440145303E-2</v>
      </c>
    </row>
    <row r="128" spans="1:23">
      <c r="A128" s="40" t="s">
        <v>556</v>
      </c>
      <c r="B128" s="48">
        <v>2597</v>
      </c>
      <c r="C128" s="162">
        <v>4.8996429989332597</v>
      </c>
      <c r="D128" s="81">
        <v>5.5453454495584538E-2</v>
      </c>
    </row>
    <row r="129" spans="1:4">
      <c r="A129" s="44" t="s">
        <v>536</v>
      </c>
      <c r="B129" s="44">
        <v>284</v>
      </c>
      <c r="C129" s="164">
        <v>5.2170306028977</v>
      </c>
      <c r="D129" s="82">
        <v>0.16678011323168712</v>
      </c>
    </row>
    <row r="130" spans="1:4">
      <c r="A130" s="40" t="s">
        <v>537</v>
      </c>
      <c r="B130" s="48">
        <v>145</v>
      </c>
      <c r="C130" s="162">
        <v>5.5398999518963343</v>
      </c>
      <c r="D130" s="81">
        <v>0.2100585640803688</v>
      </c>
    </row>
    <row r="131" spans="1:4">
      <c r="A131" s="44" t="s">
        <v>538</v>
      </c>
      <c r="B131" s="44">
        <v>70</v>
      </c>
      <c r="C131" s="164">
        <v>4.4626019400097601</v>
      </c>
      <c r="D131" s="82">
        <v>0.34875831274470659</v>
      </c>
    </row>
    <row r="132" spans="1:4">
      <c r="A132" s="40" t="s">
        <v>539</v>
      </c>
      <c r="B132" s="48">
        <v>197</v>
      </c>
      <c r="C132" s="162">
        <v>4.4557370381430896</v>
      </c>
      <c r="D132" s="81">
        <v>0.23518488579981817</v>
      </c>
    </row>
    <row r="133" spans="1:4">
      <c r="A133" s="44" t="s">
        <v>540</v>
      </c>
      <c r="B133" s="44">
        <v>68</v>
      </c>
      <c r="C133" s="164">
        <v>3.4553827536865152</v>
      </c>
      <c r="D133" s="82">
        <v>0.3260841093107365</v>
      </c>
    </row>
    <row r="134" spans="1:4" ht="25.5">
      <c r="A134" s="40" t="s">
        <v>541</v>
      </c>
      <c r="B134" s="161">
        <v>70</v>
      </c>
      <c r="C134" s="162">
        <v>4.7024678974507506</v>
      </c>
      <c r="D134" s="81">
        <v>0.40889825656145995</v>
      </c>
    </row>
    <row r="135" spans="1:4">
      <c r="A135" s="44" t="s">
        <v>542</v>
      </c>
      <c r="B135" s="163">
        <v>59</v>
      </c>
      <c r="C135" s="164">
        <v>5.2432102684193973</v>
      </c>
      <c r="D135" s="82">
        <v>0.38014630651048353</v>
      </c>
    </row>
    <row r="136" spans="1:4">
      <c r="A136" s="40" t="s">
        <v>543</v>
      </c>
      <c r="B136" s="78">
        <v>459</v>
      </c>
      <c r="C136" s="162">
        <v>4.8985086226249726</v>
      </c>
      <c r="D136" s="81">
        <v>0.12543236795056861</v>
      </c>
    </row>
    <row r="137" spans="1:4">
      <c r="A137" s="44" t="s">
        <v>616</v>
      </c>
      <c r="B137" s="163">
        <v>230</v>
      </c>
      <c r="C137" s="164">
        <v>4.7074479575443746</v>
      </c>
      <c r="D137" s="82">
        <v>0.18015483866007456</v>
      </c>
    </row>
    <row r="138" spans="1:4">
      <c r="A138" s="52" t="s">
        <v>544</v>
      </c>
      <c r="B138" s="161">
        <v>229</v>
      </c>
      <c r="C138" s="162">
        <v>5.0701879983124956</v>
      </c>
      <c r="D138" s="81">
        <v>0.17114817090184106</v>
      </c>
    </row>
    <row r="139" spans="1:4">
      <c r="A139" s="44" t="s">
        <v>545</v>
      </c>
      <c r="B139" s="163">
        <v>100</v>
      </c>
      <c r="C139" s="164">
        <v>5.2254104793189455</v>
      </c>
      <c r="D139" s="82">
        <v>0.23333286195238578</v>
      </c>
    </row>
    <row r="140" spans="1:4">
      <c r="A140" s="52" t="s">
        <v>546</v>
      </c>
      <c r="B140" s="161">
        <v>219</v>
      </c>
      <c r="C140" s="162">
        <v>4.4932279107969331</v>
      </c>
      <c r="D140" s="81">
        <v>0.19938200883446253</v>
      </c>
    </row>
    <row r="141" spans="1:4">
      <c r="A141" s="44" t="s">
        <v>557</v>
      </c>
      <c r="B141" s="163">
        <v>87</v>
      </c>
      <c r="C141" s="164">
        <v>4.6418530361582357</v>
      </c>
      <c r="D141" s="82">
        <v>0.32018939821501574</v>
      </c>
    </row>
    <row r="142" spans="1:4">
      <c r="A142" s="52" t="s">
        <v>558</v>
      </c>
      <c r="B142" s="161">
        <v>79</v>
      </c>
      <c r="C142" s="162">
        <v>4.0181927399190807</v>
      </c>
      <c r="D142" s="81">
        <v>0.35587000532730784</v>
      </c>
    </row>
    <row r="143" spans="1:4">
      <c r="A143" s="44" t="s">
        <v>549</v>
      </c>
      <c r="B143" s="163">
        <v>53</v>
      </c>
      <c r="C143" s="164">
        <v>4.9213743059126713</v>
      </c>
      <c r="D143" s="82">
        <v>0.31974548531527947</v>
      </c>
    </row>
    <row r="144" spans="1:4">
      <c r="A144" s="52" t="s">
        <v>550</v>
      </c>
      <c r="B144" s="161">
        <v>148</v>
      </c>
      <c r="C144" s="162">
        <v>4.9609403263151011</v>
      </c>
      <c r="D144" s="81">
        <v>0.18973521055882453</v>
      </c>
    </row>
    <row r="145" spans="1:34">
      <c r="A145" s="44" t="s">
        <v>551</v>
      </c>
      <c r="B145" s="163">
        <v>659</v>
      </c>
      <c r="C145" s="164">
        <v>5.1328762381405619</v>
      </c>
      <c r="D145" s="82">
        <v>9.3700087589794367E-2</v>
      </c>
    </row>
    <row r="148" spans="1:34" ht="18.75">
      <c r="A148" s="342" t="s">
        <v>513</v>
      </c>
      <c r="B148" s="342"/>
      <c r="C148" s="342"/>
      <c r="D148" s="342"/>
      <c r="E148" s="342"/>
      <c r="F148" s="342"/>
      <c r="G148" s="342"/>
      <c r="H148" s="342"/>
      <c r="I148" s="342"/>
      <c r="J148" s="342"/>
      <c r="K148" s="342"/>
      <c r="L148" s="342"/>
      <c r="M148" s="342"/>
      <c r="N148" s="342"/>
      <c r="O148" s="342"/>
      <c r="P148" s="342"/>
      <c r="Q148" s="342"/>
      <c r="R148" s="342"/>
      <c r="S148" s="342"/>
      <c r="T148" s="342"/>
      <c r="U148" s="342"/>
      <c r="V148" s="342"/>
      <c r="W148" s="342"/>
      <c r="X148" s="342"/>
      <c r="Y148" s="342"/>
      <c r="Z148" s="342"/>
      <c r="AA148" s="342"/>
      <c r="AB148" s="342"/>
      <c r="AC148" s="342"/>
      <c r="AD148" s="342"/>
      <c r="AE148" s="342"/>
      <c r="AF148" s="342"/>
      <c r="AG148" s="342"/>
      <c r="AH148" s="342"/>
    </row>
    <row r="149" spans="1:34" ht="54" customHeight="1">
      <c r="A149" s="413" t="s">
        <v>534</v>
      </c>
      <c r="B149" s="413"/>
      <c r="C149" s="413"/>
      <c r="D149" s="413"/>
      <c r="E149" s="413"/>
      <c r="F149" s="413"/>
      <c r="G149" s="413"/>
      <c r="H149" s="413"/>
      <c r="I149" s="413"/>
      <c r="J149" s="413"/>
      <c r="K149" s="413"/>
      <c r="L149" s="413"/>
      <c r="M149" s="413"/>
      <c r="N149" s="413"/>
      <c r="O149" s="413"/>
      <c r="P149" s="413"/>
      <c r="Q149" s="413"/>
      <c r="R149" s="413"/>
      <c r="S149" s="413"/>
      <c r="T149" s="413"/>
      <c r="U149" s="413"/>
      <c r="V149" s="413"/>
      <c r="W149" s="413"/>
      <c r="X149" s="413"/>
      <c r="Y149" s="413"/>
      <c r="Z149" s="413"/>
      <c r="AA149" s="413"/>
      <c r="AB149" s="413"/>
      <c r="AC149" s="413"/>
      <c r="AD149" s="413"/>
      <c r="AE149" s="413"/>
      <c r="AF149" s="413"/>
      <c r="AG149" s="413"/>
      <c r="AH149" s="413"/>
    </row>
    <row r="150" spans="1:34" ht="37.5" customHeight="1">
      <c r="A150" s="59"/>
      <c r="B150" s="392" t="s">
        <v>237</v>
      </c>
      <c r="C150" s="393"/>
      <c r="D150" s="393"/>
      <c r="E150" s="393"/>
      <c r="F150" s="393"/>
      <c r="G150" s="393"/>
      <c r="H150" s="393"/>
      <c r="I150" s="393"/>
      <c r="J150" s="393"/>
      <c r="K150" s="393"/>
      <c r="L150" s="394"/>
      <c r="M150" s="392" t="s">
        <v>422</v>
      </c>
      <c r="N150" s="393"/>
      <c r="O150" s="393"/>
      <c r="P150" s="393"/>
      <c r="Q150" s="393"/>
      <c r="R150" s="393"/>
      <c r="S150" s="393"/>
      <c r="T150" s="393"/>
      <c r="U150" s="393"/>
      <c r="V150" s="393"/>
      <c r="W150" s="394"/>
      <c r="X150" s="392" t="s">
        <v>580</v>
      </c>
      <c r="Y150" s="393"/>
      <c r="Z150" s="393"/>
      <c r="AA150" s="393"/>
      <c r="AB150" s="393"/>
      <c r="AC150" s="393"/>
      <c r="AD150" s="393"/>
      <c r="AE150" s="393"/>
      <c r="AF150" s="393"/>
      <c r="AG150" s="393"/>
      <c r="AH150" s="394"/>
    </row>
    <row r="151" spans="1:34" ht="39" customHeight="1">
      <c r="A151" s="32" t="s">
        <v>71</v>
      </c>
      <c r="B151" s="33" t="s">
        <v>72</v>
      </c>
      <c r="C151" s="34" t="s">
        <v>592</v>
      </c>
      <c r="D151" s="35" t="s">
        <v>73</v>
      </c>
      <c r="E151" s="33" t="s">
        <v>312</v>
      </c>
      <c r="F151" s="84" t="s">
        <v>143</v>
      </c>
      <c r="G151" s="33" t="s">
        <v>313</v>
      </c>
      <c r="H151" s="84" t="s">
        <v>144</v>
      </c>
      <c r="I151" s="33" t="s">
        <v>314</v>
      </c>
      <c r="J151" s="84" t="s">
        <v>117</v>
      </c>
      <c r="K151" s="33" t="s">
        <v>301</v>
      </c>
      <c r="L151" s="84" t="s">
        <v>315</v>
      </c>
      <c r="M151" s="60" t="s">
        <v>72</v>
      </c>
      <c r="N151" s="61" t="s">
        <v>592</v>
      </c>
      <c r="O151" s="62" t="s">
        <v>73</v>
      </c>
      <c r="P151" s="60" t="s">
        <v>312</v>
      </c>
      <c r="Q151" s="83" t="s">
        <v>143</v>
      </c>
      <c r="R151" s="60" t="s">
        <v>313</v>
      </c>
      <c r="S151" s="83" t="s">
        <v>144</v>
      </c>
      <c r="T151" s="60" t="s">
        <v>314</v>
      </c>
      <c r="U151" s="83" t="s">
        <v>117</v>
      </c>
      <c r="V151" s="60" t="s">
        <v>301</v>
      </c>
      <c r="W151" s="83" t="s">
        <v>315</v>
      </c>
      <c r="X151" s="33" t="s">
        <v>72</v>
      </c>
      <c r="Y151" s="34" t="s">
        <v>592</v>
      </c>
      <c r="Z151" s="35" t="s">
        <v>73</v>
      </c>
      <c r="AA151" s="33" t="s">
        <v>575</v>
      </c>
      <c r="AB151" s="84" t="s">
        <v>326</v>
      </c>
      <c r="AC151" s="33" t="s">
        <v>327</v>
      </c>
      <c r="AD151" s="84" t="s">
        <v>328</v>
      </c>
      <c r="AE151" s="33" t="s">
        <v>299</v>
      </c>
      <c r="AF151" s="84" t="s">
        <v>329</v>
      </c>
      <c r="AG151" s="33" t="s">
        <v>301</v>
      </c>
      <c r="AH151" s="84" t="s">
        <v>315</v>
      </c>
    </row>
    <row r="152" spans="1:34" ht="72">
      <c r="A152" s="36"/>
      <c r="B152" s="37" t="s">
        <v>74</v>
      </c>
      <c r="C152" s="123" t="s">
        <v>304</v>
      </c>
      <c r="D152" s="39" t="s">
        <v>76</v>
      </c>
      <c r="E152" s="37" t="s">
        <v>159</v>
      </c>
      <c r="F152" s="86" t="s">
        <v>88</v>
      </c>
      <c r="G152" s="37" t="s">
        <v>160</v>
      </c>
      <c r="H152" s="86" t="s">
        <v>88</v>
      </c>
      <c r="I152" s="37" t="s">
        <v>161</v>
      </c>
      <c r="J152" s="86" t="s">
        <v>88</v>
      </c>
      <c r="K152" s="37" t="s">
        <v>301</v>
      </c>
      <c r="L152" s="86" t="s">
        <v>88</v>
      </c>
      <c r="M152" s="63" t="s">
        <v>74</v>
      </c>
      <c r="N152" s="254" t="s">
        <v>304</v>
      </c>
      <c r="O152" s="65" t="s">
        <v>76</v>
      </c>
      <c r="P152" s="63" t="s">
        <v>159</v>
      </c>
      <c r="Q152" s="85" t="s">
        <v>88</v>
      </c>
      <c r="R152" s="63" t="s">
        <v>160</v>
      </c>
      <c r="S152" s="85" t="s">
        <v>88</v>
      </c>
      <c r="T152" s="63" t="s">
        <v>161</v>
      </c>
      <c r="U152" s="85" t="s">
        <v>88</v>
      </c>
      <c r="V152" s="63" t="s">
        <v>301</v>
      </c>
      <c r="W152" s="85" t="s">
        <v>88</v>
      </c>
      <c r="X152" s="37" t="s">
        <v>74</v>
      </c>
      <c r="Y152" s="123" t="s">
        <v>578</v>
      </c>
      <c r="Z152" s="39" t="s">
        <v>76</v>
      </c>
      <c r="AA152" s="37" t="s">
        <v>161</v>
      </c>
      <c r="AB152" s="86" t="s">
        <v>88</v>
      </c>
      <c r="AC152" s="37" t="s">
        <v>160</v>
      </c>
      <c r="AD152" s="86" t="s">
        <v>88</v>
      </c>
      <c r="AE152" s="37" t="s">
        <v>159</v>
      </c>
      <c r="AF152" s="86" t="s">
        <v>88</v>
      </c>
      <c r="AG152" s="37" t="s">
        <v>301</v>
      </c>
      <c r="AH152" s="86" t="s">
        <v>88</v>
      </c>
    </row>
    <row r="153" spans="1:34">
      <c r="A153" s="40" t="s">
        <v>350</v>
      </c>
      <c r="B153" s="191">
        <v>12507</v>
      </c>
      <c r="C153" s="79">
        <v>5.2164135226083417</v>
      </c>
      <c r="D153" s="80">
        <v>3.1099185849462325E-2</v>
      </c>
      <c r="E153" s="193">
        <v>0.15514203479273816</v>
      </c>
      <c r="F153" s="89">
        <v>6.4753985732475374E-3</v>
      </c>
      <c r="G153" s="193">
        <v>0.12937531489276466</v>
      </c>
      <c r="H153" s="89">
        <v>6.0033604623443582E-3</v>
      </c>
      <c r="I153" s="193">
        <v>0.70017979214279147</v>
      </c>
      <c r="J153" s="89">
        <v>8.1930521479739241E-3</v>
      </c>
      <c r="K153" s="193">
        <v>1.5302858171722111E-2</v>
      </c>
      <c r="L153" s="89">
        <v>2.2058467541656158E-3</v>
      </c>
      <c r="M153" s="191">
        <v>12545</v>
      </c>
      <c r="N153" s="79">
        <v>5.5809000888620828</v>
      </c>
      <c r="O153" s="80">
        <v>2.8485804559351402E-2</v>
      </c>
      <c r="P153" s="193">
        <v>0.10303000187141914</v>
      </c>
      <c r="Q153" s="89">
        <v>5.4304039339801496E-3</v>
      </c>
      <c r="R153" s="193">
        <v>9.6175631195178579E-2</v>
      </c>
      <c r="S153" s="89">
        <v>5.2669535092441126E-3</v>
      </c>
      <c r="T153" s="193">
        <v>0.78972530671992347</v>
      </c>
      <c r="U153" s="89">
        <v>7.2765735021415937E-3</v>
      </c>
      <c r="V153" s="193">
        <v>1.1069060213482133E-2</v>
      </c>
      <c r="W153" s="89">
        <v>1.8808994286726034E-3</v>
      </c>
      <c r="X153" s="191">
        <v>12649</v>
      </c>
      <c r="Y153" s="79">
        <v>4.3725237357445605</v>
      </c>
      <c r="Z153" s="80">
        <v>3.2709499857835909E-2</v>
      </c>
      <c r="AA153" s="193">
        <v>0.32826221083340862</v>
      </c>
      <c r="AB153" s="89">
        <v>8.3495282238207486E-3</v>
      </c>
      <c r="AC153" s="193">
        <v>0.18179873847710692</v>
      </c>
      <c r="AD153" s="89">
        <v>6.8588636118216547E-3</v>
      </c>
      <c r="AE153" s="193">
        <v>0.47107177962861668</v>
      </c>
      <c r="AF153" s="89">
        <v>8.8751482471448907E-3</v>
      </c>
      <c r="AG153" s="193">
        <v>1.8867271060888372E-2</v>
      </c>
      <c r="AH153" s="89">
        <v>2.4286310416995554E-3</v>
      </c>
    </row>
    <row r="154" spans="1:34">
      <c r="A154" s="44" t="s">
        <v>351</v>
      </c>
      <c r="B154" s="44">
        <v>8846</v>
      </c>
      <c r="C154" s="175">
        <v>4.980654228510824</v>
      </c>
      <c r="D154" s="127">
        <v>3.8495679022687593E-2</v>
      </c>
      <c r="E154" s="194">
        <v>0.20884742389537184</v>
      </c>
      <c r="F154" s="92">
        <v>8.6437799902133374E-3</v>
      </c>
      <c r="G154" s="194">
        <v>0.13464180845957277</v>
      </c>
      <c r="H154" s="92">
        <v>7.2605747687886713E-3</v>
      </c>
      <c r="I154" s="194">
        <v>0.64666464982328042</v>
      </c>
      <c r="J154" s="92">
        <v>1.0162719522046558E-2</v>
      </c>
      <c r="K154" s="194">
        <v>9.8461178217776994E-3</v>
      </c>
      <c r="L154" s="92">
        <v>2.1223905715983872E-3</v>
      </c>
      <c r="M154" s="44">
        <v>8864</v>
      </c>
      <c r="N154" s="175">
        <v>5.450885009369423</v>
      </c>
      <c r="O154" s="127">
        <v>3.5784229781252008E-2</v>
      </c>
      <c r="P154" s="194">
        <v>0.14196441125623155</v>
      </c>
      <c r="Q154" s="92">
        <v>7.4159288450063188E-3</v>
      </c>
      <c r="R154" s="194">
        <v>9.5155634138057194E-2</v>
      </c>
      <c r="S154" s="92">
        <v>6.2372599105135814E-3</v>
      </c>
      <c r="T154" s="194">
        <v>0.75722761678665496</v>
      </c>
      <c r="U154" s="92">
        <v>9.1075275911893065E-3</v>
      </c>
      <c r="V154" s="194">
        <v>5.6523378190561305E-3</v>
      </c>
      <c r="W154" s="92">
        <v>1.6231299091540978E-3</v>
      </c>
      <c r="X154" s="44">
        <v>8863</v>
      </c>
      <c r="Y154" s="175">
        <v>4.2571311641492038</v>
      </c>
      <c r="Z154" s="127">
        <v>3.9404799036750073E-2</v>
      </c>
      <c r="AA154" s="194">
        <v>0.35071228973515423</v>
      </c>
      <c r="AB154" s="92">
        <v>1.0135726767912743E-2</v>
      </c>
      <c r="AC154" s="194">
        <v>0.18304893564791436</v>
      </c>
      <c r="AD154" s="92">
        <v>8.2158936193938992E-3</v>
      </c>
      <c r="AE154" s="194">
        <v>0.45320453745019956</v>
      </c>
      <c r="AF154" s="92">
        <v>1.0573114806457366E-2</v>
      </c>
      <c r="AG154" s="194">
        <v>1.3034237166735687E-2</v>
      </c>
      <c r="AH154" s="92">
        <v>2.4289378411923349E-3</v>
      </c>
    </row>
    <row r="155" spans="1:34">
      <c r="A155" s="40" t="s">
        <v>352</v>
      </c>
      <c r="B155" s="48">
        <v>3661</v>
      </c>
      <c r="C155" s="79">
        <v>5.4069519698716695</v>
      </c>
      <c r="D155" s="80">
        <v>4.9309312593663245E-2</v>
      </c>
      <c r="E155" s="193">
        <v>0.11216844611282635</v>
      </c>
      <c r="F155" s="89">
        <v>1.0442584156095225E-2</v>
      </c>
      <c r="G155" s="193">
        <v>0.12516121027296337</v>
      </c>
      <c r="H155" s="89">
        <v>1.0947096306451938E-2</v>
      </c>
      <c r="I155" s="193">
        <v>0.74300115053178994</v>
      </c>
      <c r="J155" s="89">
        <v>1.4441083749334883E-2</v>
      </c>
      <c r="K155" s="193">
        <v>1.9669193082421602E-2</v>
      </c>
      <c r="L155" s="89">
        <v>4.6469522710023857E-3</v>
      </c>
      <c r="M155" s="48">
        <v>3681</v>
      </c>
      <c r="N155" s="79">
        <v>5.6857423297410836</v>
      </c>
      <c r="O155" s="80">
        <v>4.3552056733459819E-2</v>
      </c>
      <c r="P155" s="193">
        <v>7.1941465290275897E-2</v>
      </c>
      <c r="Q155" s="89">
        <v>8.5384258429894548E-3</v>
      </c>
      <c r="R155" s="193">
        <v>9.6990083406574515E-2</v>
      </c>
      <c r="S155" s="89">
        <v>9.769968500570176E-3</v>
      </c>
      <c r="T155" s="193">
        <v>0.8156742202454258</v>
      </c>
      <c r="U155" s="89">
        <v>1.2784234109185591E-2</v>
      </c>
      <c r="V155" s="193">
        <v>1.5394231057724186E-2</v>
      </c>
      <c r="W155" s="89">
        <v>4.1238370520265202E-3</v>
      </c>
      <c r="X155" s="48">
        <v>3786</v>
      </c>
      <c r="Y155" s="79">
        <v>4.4631843282467774</v>
      </c>
      <c r="Z155" s="80">
        <v>5.8081977406013091E-2</v>
      </c>
      <c r="AA155" s="193">
        <v>0.31080912089189833</v>
      </c>
      <c r="AB155" s="89">
        <v>1.5038466922709192E-2</v>
      </c>
      <c r="AC155" s="193">
        <v>0.18082681299914533</v>
      </c>
      <c r="AD155" s="89">
        <v>1.2512511752612167E-2</v>
      </c>
      <c r="AE155" s="193">
        <v>0.48496209093268411</v>
      </c>
      <c r="AF155" s="89">
        <v>1.6236196520193955E-2</v>
      </c>
      <c r="AG155" s="193">
        <v>2.3401975176272394E-2</v>
      </c>
      <c r="AH155" s="89">
        <v>4.9625013790381449E-3</v>
      </c>
    </row>
    <row r="156" spans="1:34">
      <c r="A156" s="44" t="s">
        <v>555</v>
      </c>
      <c r="B156" s="44">
        <v>3238</v>
      </c>
      <c r="C156" s="175">
        <v>5.232527339651738</v>
      </c>
      <c r="D156" s="127">
        <v>6.2318253360543412E-2</v>
      </c>
      <c r="E156" s="194">
        <v>0.14937683190784873</v>
      </c>
      <c r="F156" s="92">
        <v>1.2535775664994402E-2</v>
      </c>
      <c r="G156" s="194">
        <v>0.13566098883611544</v>
      </c>
      <c r="H156" s="92">
        <v>1.204476745921272E-2</v>
      </c>
      <c r="I156" s="194">
        <v>0.70429850910424419</v>
      </c>
      <c r="J156" s="92">
        <v>1.6033780216575422E-2</v>
      </c>
      <c r="K156" s="194">
        <v>1.0663670151798064E-2</v>
      </c>
      <c r="L156" s="92">
        <v>3.7074481484636909E-3</v>
      </c>
      <c r="M156" s="44">
        <v>3246</v>
      </c>
      <c r="N156" s="175">
        <v>5.5537043895883098</v>
      </c>
      <c r="O156" s="127">
        <v>5.8213307024686994E-2</v>
      </c>
      <c r="P156" s="194">
        <v>9.7004572571464942E-2</v>
      </c>
      <c r="Q156" s="92">
        <v>1.0406755580389247E-2</v>
      </c>
      <c r="R156" s="194">
        <v>0.11087321862182692</v>
      </c>
      <c r="S156" s="92">
        <v>1.1035765293851581E-2</v>
      </c>
      <c r="T156" s="194">
        <v>0.78250675391849545</v>
      </c>
      <c r="U156" s="92">
        <v>1.4481235333697355E-2</v>
      </c>
      <c r="V156" s="194">
        <v>9.6154548882176286E-3</v>
      </c>
      <c r="W156" s="92">
        <v>3.5282729760783686E-3</v>
      </c>
      <c r="X156" s="44">
        <v>3254</v>
      </c>
      <c r="Y156" s="175">
        <v>4.3450835855931045</v>
      </c>
      <c r="Z156" s="127">
        <v>6.4372573728580865E-2</v>
      </c>
      <c r="AA156" s="194">
        <v>0.33407887528121111</v>
      </c>
      <c r="AB156" s="92">
        <v>1.6529369593557747E-2</v>
      </c>
      <c r="AC156" s="194">
        <v>0.18433686629484991</v>
      </c>
      <c r="AD156" s="92">
        <v>1.35978056381482E-2</v>
      </c>
      <c r="AE156" s="194">
        <v>0.46624235576468043</v>
      </c>
      <c r="AF156" s="92">
        <v>1.747973369929158E-2</v>
      </c>
      <c r="AG156" s="194">
        <v>1.5341902659273775E-2</v>
      </c>
      <c r="AH156" s="92">
        <v>4.388017917199079E-3</v>
      </c>
    </row>
    <row r="157" spans="1:34">
      <c r="A157" s="40" t="s">
        <v>556</v>
      </c>
      <c r="B157" s="48">
        <v>2596</v>
      </c>
      <c r="C157" s="79">
        <v>5.041711516679908</v>
      </c>
      <c r="D157" s="80">
        <v>7.1509639532714858E-2</v>
      </c>
      <c r="E157" s="193">
        <v>0.20459824074698052</v>
      </c>
      <c r="F157" s="89">
        <v>1.5835990808061483E-2</v>
      </c>
      <c r="G157" s="193">
        <v>0.13213739611826414</v>
      </c>
      <c r="H157" s="89">
        <v>1.3306630071796412E-2</v>
      </c>
      <c r="I157" s="193">
        <v>0.65908189095426761</v>
      </c>
      <c r="J157" s="89">
        <v>1.8595729861869942E-2</v>
      </c>
      <c r="K157" s="193">
        <v>4.1824721804855523E-3</v>
      </c>
      <c r="L157" s="89">
        <v>2.7514507216289509E-3</v>
      </c>
      <c r="M157" s="48">
        <v>2603</v>
      </c>
      <c r="N157" s="79">
        <v>5.4297515687790678</v>
      </c>
      <c r="O157" s="80">
        <v>6.7281013925306041E-2</v>
      </c>
      <c r="P157" s="193">
        <v>0.13858434047823071</v>
      </c>
      <c r="Q157" s="89">
        <v>1.3556583942105035E-2</v>
      </c>
      <c r="R157" s="193">
        <v>0.10214739017601081</v>
      </c>
      <c r="S157" s="89">
        <v>1.1893831358320311E-2</v>
      </c>
      <c r="T157" s="193">
        <v>0.75583155466067442</v>
      </c>
      <c r="U157" s="89">
        <v>1.6836536921138526E-2</v>
      </c>
      <c r="V157" s="193">
        <v>3.4367146850824227E-3</v>
      </c>
      <c r="W157" s="89">
        <v>2.5327857559937512E-3</v>
      </c>
      <c r="X157" s="48">
        <v>2598</v>
      </c>
      <c r="Y157" s="79">
        <v>4.2196992105380762</v>
      </c>
      <c r="Z157" s="80">
        <v>7.2133415409722734E-2</v>
      </c>
      <c r="AA157" s="193">
        <v>0.35320125745668923</v>
      </c>
      <c r="AB157" s="89">
        <v>1.8742821719501746E-2</v>
      </c>
      <c r="AC157" s="193">
        <v>0.18615441480298534</v>
      </c>
      <c r="AD157" s="89">
        <v>1.5276269919006462E-2</v>
      </c>
      <c r="AE157" s="193">
        <v>0.44769420772580182</v>
      </c>
      <c r="AF157" s="89">
        <v>1.9496841790791496E-2</v>
      </c>
      <c r="AG157" s="193">
        <v>1.2950120014521029E-2</v>
      </c>
      <c r="AH157" s="89">
        <v>4.5574634989205432E-3</v>
      </c>
    </row>
    <row r="158" spans="1:34">
      <c r="A158" s="44" t="s">
        <v>536</v>
      </c>
      <c r="B158" s="44">
        <v>285</v>
      </c>
      <c r="C158" s="175">
        <v>5.3017171474151645</v>
      </c>
      <c r="D158" s="127">
        <v>0.2210347167439248</v>
      </c>
      <c r="E158" s="194">
        <v>0.16679384947029186</v>
      </c>
      <c r="F158" s="92">
        <v>4.4336833640981753E-2</v>
      </c>
      <c r="G158" s="194">
        <v>9.3864189809485646E-2</v>
      </c>
      <c r="H158" s="92">
        <v>3.5213258865185212E-2</v>
      </c>
      <c r="I158" s="194">
        <v>0.72947455743705936</v>
      </c>
      <c r="J158" s="92">
        <v>5.2453837541030647E-2</v>
      </c>
      <c r="K158" s="194">
        <v>9.8674032831636282E-3</v>
      </c>
      <c r="L158" s="92">
        <v>1.50542187247878E-2</v>
      </c>
      <c r="M158" s="44">
        <v>285</v>
      </c>
      <c r="N158" s="175">
        <v>5.842677669534643</v>
      </c>
      <c r="O158" s="127">
        <v>0.18746523927978265</v>
      </c>
      <c r="P158" s="194">
        <v>9.8129867736438822E-2</v>
      </c>
      <c r="Q158" s="92">
        <v>3.5865962658750132E-2</v>
      </c>
      <c r="R158" s="194">
        <v>6.9951275994453124E-2</v>
      </c>
      <c r="S158" s="92">
        <v>3.115807782037977E-2</v>
      </c>
      <c r="T158" s="194">
        <v>0.82658145877614675</v>
      </c>
      <c r="U158" s="92">
        <v>4.4995427515204328E-2</v>
      </c>
      <c r="V158" s="194">
        <v>5.3373974929611413E-3</v>
      </c>
      <c r="W158" s="92">
        <v>1.2906633224864619E-2</v>
      </c>
      <c r="X158" s="44">
        <v>286</v>
      </c>
      <c r="Y158" s="175">
        <v>4.5283944860573113</v>
      </c>
      <c r="Z158" s="127">
        <v>0.2145733785142627</v>
      </c>
      <c r="AA158" s="194">
        <v>0.28382923377354546</v>
      </c>
      <c r="AB158" s="92">
        <v>5.3116710460336829E-2</v>
      </c>
      <c r="AC158" s="194">
        <v>0.18859957693616358</v>
      </c>
      <c r="AD158" s="92">
        <v>4.6340027920655259E-2</v>
      </c>
      <c r="AE158" s="194">
        <v>0.50266059394436668</v>
      </c>
      <c r="AF158" s="92">
        <v>5.8721213363541136E-2</v>
      </c>
      <c r="AG158" s="194">
        <v>2.4910595345924796E-2</v>
      </c>
      <c r="AH158" s="92">
        <v>2.0501840962264709E-2</v>
      </c>
    </row>
    <row r="159" spans="1:34">
      <c r="A159" s="40" t="s">
        <v>537</v>
      </c>
      <c r="B159" s="48">
        <v>145</v>
      </c>
      <c r="C159" s="79">
        <v>5.832953080352774</v>
      </c>
      <c r="D159" s="80">
        <v>0.25761981318013594</v>
      </c>
      <c r="E159" s="193">
        <v>9.5484769059799551E-2</v>
      </c>
      <c r="F159" s="89">
        <v>5.0510186710566576E-2</v>
      </c>
      <c r="G159" s="193">
        <v>3.5855418164566763E-2</v>
      </c>
      <c r="H159" s="89">
        <v>3.5133979768790582E-2</v>
      </c>
      <c r="I159" s="193">
        <v>0.86083685054871295</v>
      </c>
      <c r="J159" s="89">
        <v>5.8319579854266369E-2</v>
      </c>
      <c r="K159" s="193">
        <v>7.8229622269206014E-3</v>
      </c>
      <c r="L159" s="89">
        <v>2.3512535596495396E-2</v>
      </c>
      <c r="M159" s="48">
        <v>145</v>
      </c>
      <c r="N159" s="79">
        <v>6.1822498252163136</v>
      </c>
      <c r="O159" s="80">
        <v>0.21959944930335049</v>
      </c>
      <c r="P159" s="193">
        <v>4.8819150099363551E-2</v>
      </c>
      <c r="Q159" s="89">
        <v>3.919277898013114E-2</v>
      </c>
      <c r="R159" s="193">
        <v>2.7950288671786484E-2</v>
      </c>
      <c r="S159" s="89">
        <v>3.2345681195490472E-2</v>
      </c>
      <c r="T159" s="193">
        <v>0.91443353053475462</v>
      </c>
      <c r="U159" s="89">
        <v>4.8422863293148231E-2</v>
      </c>
      <c r="V159" s="193">
        <v>8.7970306940950288E-3</v>
      </c>
      <c r="W159" s="89">
        <v>2.4024822213052518E-2</v>
      </c>
      <c r="X159" s="48">
        <v>145</v>
      </c>
      <c r="Y159" s="79">
        <v>4.6019173827597237</v>
      </c>
      <c r="Z159" s="80">
        <v>0.29793919121082041</v>
      </c>
      <c r="AA159" s="193">
        <v>0.26619217646757998</v>
      </c>
      <c r="AB159" s="89">
        <v>7.2949296902826408E-2</v>
      </c>
      <c r="AC159" s="193">
        <v>0.19489838872455015</v>
      </c>
      <c r="AD159" s="89">
        <v>6.5915113086273486E-2</v>
      </c>
      <c r="AE159" s="193">
        <v>0.51935045504990862</v>
      </c>
      <c r="AF159" s="89">
        <v>8.1865070556551303E-2</v>
      </c>
      <c r="AG159" s="193">
        <v>1.9558979757960421E-2</v>
      </c>
      <c r="AH159" s="89">
        <v>2.9035172492742574E-2</v>
      </c>
    </row>
    <row r="160" spans="1:34">
      <c r="A160" s="44" t="s">
        <v>538</v>
      </c>
      <c r="B160" s="44">
        <v>71</v>
      </c>
      <c r="C160" s="175">
        <v>4.1892210257192604</v>
      </c>
      <c r="D160" s="127">
        <v>0.45040144880998306</v>
      </c>
      <c r="E160" s="194">
        <v>0.35380608292467136</v>
      </c>
      <c r="F160" s="92">
        <v>0.1109585618292924</v>
      </c>
      <c r="G160" s="194">
        <v>0.10867073406949616</v>
      </c>
      <c r="H160" s="92">
        <v>7.7549328749180468E-2</v>
      </c>
      <c r="I160" s="194">
        <v>0.51160046770971379</v>
      </c>
      <c r="J160" s="92">
        <v>0.11544219923840023</v>
      </c>
      <c r="K160" s="194">
        <v>2.5922715296118372E-2</v>
      </c>
      <c r="L160" s="92">
        <v>5.0903672153794426E-2</v>
      </c>
      <c r="M160" s="44">
        <v>71</v>
      </c>
      <c r="N160" s="175">
        <v>5.1737270448671175</v>
      </c>
      <c r="O160" s="127">
        <v>0.44407702687383122</v>
      </c>
      <c r="P160" s="194">
        <v>0.20252793752670192</v>
      </c>
      <c r="Q160" s="92">
        <v>9.5414202119807098E-2</v>
      </c>
      <c r="R160" s="194">
        <v>0.1230993135253298</v>
      </c>
      <c r="S160" s="92">
        <v>8.0893097430847355E-2</v>
      </c>
      <c r="T160" s="194">
        <v>0.67319088124393789</v>
      </c>
      <c r="U160" s="92">
        <v>0.10908567266878674</v>
      </c>
      <c r="V160" s="194">
        <v>1.1818677040301728E-3</v>
      </c>
      <c r="W160" s="92">
        <v>3.7956794621928316E-2</v>
      </c>
      <c r="X160" s="44">
        <v>72</v>
      </c>
      <c r="Y160" s="175">
        <v>4.134745397131538</v>
      </c>
      <c r="Z160" s="127">
        <v>0.42835742897319029</v>
      </c>
      <c r="AA160" s="194">
        <v>0.33473667277251279</v>
      </c>
      <c r="AB160" s="92">
        <v>0.10893922018205193</v>
      </c>
      <c r="AC160" s="194">
        <v>0.24997914692927986</v>
      </c>
      <c r="AD160" s="92">
        <v>0.1010201800831326</v>
      </c>
      <c r="AE160" s="194">
        <v>0.36956154353409415</v>
      </c>
      <c r="AF160" s="92">
        <v>0.11114941243726104</v>
      </c>
      <c r="AG160" s="194">
        <v>4.572263676411277E-2</v>
      </c>
      <c r="AH160" s="92">
        <v>5.8392212977793949E-2</v>
      </c>
    </row>
    <row r="161" spans="1:34">
      <c r="A161" s="40" t="s">
        <v>539</v>
      </c>
      <c r="B161" s="48">
        <v>198</v>
      </c>
      <c r="C161" s="79">
        <v>4.5832221861141322</v>
      </c>
      <c r="D161" s="80">
        <v>0.29932198542247479</v>
      </c>
      <c r="E161" s="193">
        <v>0.29271989629341166</v>
      </c>
      <c r="F161" s="89">
        <v>6.4288905009698888E-2</v>
      </c>
      <c r="G161" s="193">
        <v>0.16724783883359623</v>
      </c>
      <c r="H161" s="89">
        <v>5.3328366545525974E-2</v>
      </c>
      <c r="I161" s="193">
        <v>0.53482905026084882</v>
      </c>
      <c r="J161" s="89">
        <v>7.0195554805874208E-2</v>
      </c>
      <c r="K161" s="193">
        <v>5.2032146121422105E-3</v>
      </c>
      <c r="L161" s="89">
        <v>1.7105459515427055E-2</v>
      </c>
      <c r="M161" s="48">
        <v>198</v>
      </c>
      <c r="N161" s="79">
        <v>4.7606224139340343</v>
      </c>
      <c r="O161" s="80">
        <v>0.28704298232242076</v>
      </c>
      <c r="P161" s="193">
        <v>0.26762653003241649</v>
      </c>
      <c r="Q161" s="89">
        <v>6.2635185937450516E-2</v>
      </c>
      <c r="R161" s="193">
        <v>0.16890730137683679</v>
      </c>
      <c r="S161" s="89">
        <v>5.3524514632802653E-2</v>
      </c>
      <c r="T161" s="193">
        <v>0.5634661685907455</v>
      </c>
      <c r="U161" s="89">
        <v>6.9813044394031534E-2</v>
      </c>
      <c r="V161" s="193">
        <v>0</v>
      </c>
      <c r="W161" s="89">
        <v>1.3932624648124592E-2</v>
      </c>
      <c r="X161" s="48">
        <v>198</v>
      </c>
      <c r="Y161" s="79">
        <v>4.0342331060905767</v>
      </c>
      <c r="Z161" s="80">
        <v>0.26673620888099381</v>
      </c>
      <c r="AA161" s="193">
        <v>0.37524933957399798</v>
      </c>
      <c r="AB161" s="89">
        <v>6.8223209071105892E-2</v>
      </c>
      <c r="AC161" s="193">
        <v>0.16585986615814405</v>
      </c>
      <c r="AD161" s="89">
        <v>5.3162995871546791E-2</v>
      </c>
      <c r="AE161" s="193">
        <v>0.45325929302629775</v>
      </c>
      <c r="AF161" s="89">
        <v>7.0063757693151499E-2</v>
      </c>
      <c r="AG161" s="193">
        <v>5.6315012415594024E-3</v>
      </c>
      <c r="AH161" s="89">
        <v>1.7339458777043647E-2</v>
      </c>
    </row>
    <row r="162" spans="1:34">
      <c r="A162" s="44" t="s">
        <v>540</v>
      </c>
      <c r="B162" s="44">
        <v>68</v>
      </c>
      <c r="C162" s="175">
        <v>3.4218557255711315</v>
      </c>
      <c r="D162" s="127">
        <v>0.43918223552016317</v>
      </c>
      <c r="E162" s="194">
        <v>0.51769326075356159</v>
      </c>
      <c r="F162" s="92">
        <v>0.11778529568031607</v>
      </c>
      <c r="G162" s="194">
        <v>0.19004318079472862</v>
      </c>
      <c r="H162" s="92">
        <v>9.5540872935218249E-2</v>
      </c>
      <c r="I162" s="194">
        <v>0.29226355845170948</v>
      </c>
      <c r="J162" s="92">
        <v>0.10839929139328815</v>
      </c>
      <c r="K162" s="194">
        <v>0</v>
      </c>
      <c r="L162" s="92">
        <v>3.8734260487688681E-2</v>
      </c>
      <c r="M162" s="44">
        <v>68</v>
      </c>
      <c r="N162" s="175">
        <v>3.664912846850763</v>
      </c>
      <c r="O162" s="127">
        <v>0.43918223552016328</v>
      </c>
      <c r="P162" s="194">
        <v>0.45474635802528873</v>
      </c>
      <c r="Q162" s="92">
        <v>0.11741979077967207</v>
      </c>
      <c r="R162" s="194">
        <v>0.17679399363721754</v>
      </c>
      <c r="S162" s="92">
        <v>9.3339989642994739E-2</v>
      </c>
      <c r="T162" s="194">
        <v>0.3684596483374934</v>
      </c>
      <c r="U162" s="92">
        <v>0.11415541853109985</v>
      </c>
      <c r="V162" s="194">
        <v>0</v>
      </c>
      <c r="W162" s="92">
        <v>3.8734260487688681E-2</v>
      </c>
      <c r="X162" s="44">
        <v>68</v>
      </c>
      <c r="Y162" s="175">
        <v>3.2793796886376518</v>
      </c>
      <c r="Z162" s="127">
        <v>0.42966298110618967</v>
      </c>
      <c r="AA162" s="194">
        <v>0.52149806989840597</v>
      </c>
      <c r="AB162" s="92">
        <v>0.11775392384101141</v>
      </c>
      <c r="AC162" s="194">
        <v>0.19649940975965968</v>
      </c>
      <c r="AD162" s="92">
        <v>9.6562538113041885E-2</v>
      </c>
      <c r="AE162" s="194">
        <v>0.28200252034193413</v>
      </c>
      <c r="AF162" s="92">
        <v>0.10739613731687275</v>
      </c>
      <c r="AG162" s="194">
        <v>0</v>
      </c>
      <c r="AH162" s="92">
        <v>3.8734260487688681E-2</v>
      </c>
    </row>
    <row r="163" spans="1:34" ht="25.5">
      <c r="A163" s="40" t="s">
        <v>541</v>
      </c>
      <c r="B163" s="191">
        <v>70</v>
      </c>
      <c r="C163" s="79">
        <v>5.0893727065962997</v>
      </c>
      <c r="D163" s="80">
        <v>0.52107002505852584</v>
      </c>
      <c r="E163" s="193">
        <v>0.17044504584252554</v>
      </c>
      <c r="F163" s="89">
        <v>9.0886754944127929E-2</v>
      </c>
      <c r="G163" s="193">
        <v>0.19834196793180844</v>
      </c>
      <c r="H163" s="89">
        <v>9.5457398517558745E-2</v>
      </c>
      <c r="I163" s="193">
        <v>0.6312129862256658</v>
      </c>
      <c r="J163" s="89">
        <v>0.11260889701217378</v>
      </c>
      <c r="K163" s="193">
        <v>0</v>
      </c>
      <c r="L163" s="89">
        <v>3.7701936889887336E-2</v>
      </c>
      <c r="M163" s="191">
        <v>70</v>
      </c>
      <c r="N163" s="79">
        <v>4.7814243443611435</v>
      </c>
      <c r="O163" s="80">
        <v>0.49449819389772892</v>
      </c>
      <c r="P163" s="193">
        <v>0.27112975366075492</v>
      </c>
      <c r="Q163" s="89">
        <v>0.10478503973957795</v>
      </c>
      <c r="R163" s="193">
        <v>0.18569817925125581</v>
      </c>
      <c r="S163" s="89">
        <v>9.3463465224409889E-2</v>
      </c>
      <c r="T163" s="193">
        <v>0.54317206708798915</v>
      </c>
      <c r="U163" s="89">
        <v>0.11585923930964602</v>
      </c>
      <c r="V163" s="193">
        <v>0</v>
      </c>
      <c r="W163" s="89">
        <v>3.7701936889887336E-2</v>
      </c>
      <c r="X163" s="191">
        <v>70</v>
      </c>
      <c r="Y163" s="79">
        <v>4.2366066413948094</v>
      </c>
      <c r="Z163" s="80">
        <v>0.44643749258166998</v>
      </c>
      <c r="AA163" s="193">
        <v>0.33685064490512007</v>
      </c>
      <c r="AB163" s="89">
        <v>0.11057151427064156</v>
      </c>
      <c r="AC163" s="193">
        <v>0.1732441420943088</v>
      </c>
      <c r="AD163" s="89">
        <v>9.1374277235743109E-2</v>
      </c>
      <c r="AE163" s="193">
        <v>0.48990521300057105</v>
      </c>
      <c r="AF163" s="89">
        <v>0.11622643655476271</v>
      </c>
      <c r="AG163" s="193">
        <v>0</v>
      </c>
      <c r="AH163" s="89">
        <v>3.7701936889887336E-2</v>
      </c>
    </row>
    <row r="164" spans="1:34">
      <c r="A164" s="44" t="s">
        <v>542</v>
      </c>
      <c r="B164" s="192">
        <v>60</v>
      </c>
      <c r="C164" s="175">
        <v>5.2519895662961114</v>
      </c>
      <c r="D164" s="127">
        <v>0.47966621711178947</v>
      </c>
      <c r="E164" s="194">
        <v>0.19191193324763581</v>
      </c>
      <c r="F164" s="92">
        <v>0.10203423163124997</v>
      </c>
      <c r="G164" s="194">
        <v>0.10924901552748134</v>
      </c>
      <c r="H164" s="92">
        <v>8.5074610134716927E-2</v>
      </c>
      <c r="I164" s="194">
        <v>0.68247877506934385</v>
      </c>
      <c r="J164" s="92">
        <v>0.11745577287040022</v>
      </c>
      <c r="K164" s="194">
        <v>1.6360276155538554E-2</v>
      </c>
      <c r="L164" s="92">
        <v>5.2688554032684951E-2</v>
      </c>
      <c r="M164" s="192">
        <v>60</v>
      </c>
      <c r="N164" s="175">
        <v>5.883167723715041</v>
      </c>
      <c r="O164" s="127">
        <v>0.42466666666666658</v>
      </c>
      <c r="P164" s="194">
        <v>6.8170284965360525E-2</v>
      </c>
      <c r="Q164" s="92">
        <v>7.3358828993155697E-2</v>
      </c>
      <c r="R164" s="194">
        <v>0.14221126903128986</v>
      </c>
      <c r="S164" s="92">
        <v>9.2698695745457679E-2</v>
      </c>
      <c r="T164" s="194">
        <v>0.78961844600334941</v>
      </c>
      <c r="U164" s="92">
        <v>0.10496379123665922</v>
      </c>
      <c r="V164" s="194">
        <v>0</v>
      </c>
      <c r="W164" s="92">
        <v>4.3498159084609543E-2</v>
      </c>
      <c r="X164" s="192">
        <v>60</v>
      </c>
      <c r="Y164" s="175">
        <v>4.6111477017745131</v>
      </c>
      <c r="Z164" s="127">
        <v>0.47974765811427639</v>
      </c>
      <c r="AA164" s="194">
        <v>0.26456426254522697</v>
      </c>
      <c r="AB164" s="92">
        <v>0.11216122281489892</v>
      </c>
      <c r="AC164" s="194">
        <v>0.12571604046572457</v>
      </c>
      <c r="AD164" s="92">
        <v>8.9048918191312776E-2</v>
      </c>
      <c r="AE164" s="194">
        <v>0.59201277495143489</v>
      </c>
      <c r="AF164" s="92">
        <v>0.12312566533002615</v>
      </c>
      <c r="AG164" s="194">
        <v>1.7706922037612836E-2</v>
      </c>
      <c r="AH164" s="92">
        <v>5.3362319335980568E-2</v>
      </c>
    </row>
    <row r="165" spans="1:34">
      <c r="A165" s="40" t="s">
        <v>543</v>
      </c>
      <c r="B165" s="49">
        <v>459</v>
      </c>
      <c r="C165" s="79">
        <v>4.9856986455096459</v>
      </c>
      <c r="D165" s="80">
        <v>0.16708902242834278</v>
      </c>
      <c r="E165" s="193">
        <v>0.22367674528518702</v>
      </c>
      <c r="F165" s="89">
        <v>3.8878340553538594E-2</v>
      </c>
      <c r="G165" s="193">
        <v>0.13518312894592957</v>
      </c>
      <c r="H165" s="89">
        <v>3.2090362630817638E-2</v>
      </c>
      <c r="I165" s="193">
        <v>0.63722886325282668</v>
      </c>
      <c r="J165" s="89">
        <v>4.4720608102113493E-2</v>
      </c>
      <c r="K165" s="193">
        <v>3.9112625160581905E-3</v>
      </c>
      <c r="L165" s="89">
        <v>8.3807521214868865E-3</v>
      </c>
      <c r="M165" s="49">
        <v>460</v>
      </c>
      <c r="N165" s="79">
        <v>5.3346829303232228</v>
      </c>
      <c r="O165" s="80">
        <v>0.15400726713110369</v>
      </c>
      <c r="P165" s="193">
        <v>0.14830206069338994</v>
      </c>
      <c r="Q165" s="89">
        <v>3.3274197604489512E-2</v>
      </c>
      <c r="R165" s="193">
        <v>0.12068704865213457</v>
      </c>
      <c r="S165" s="89">
        <v>3.0596322328251317E-2</v>
      </c>
      <c r="T165" s="193">
        <v>0.72710535046400304</v>
      </c>
      <c r="U165" s="89">
        <v>4.1450903931003043E-2</v>
      </c>
      <c r="V165" s="193">
        <v>3.9055401904735387E-3</v>
      </c>
      <c r="W165" s="89">
        <v>8.364162004407965E-3</v>
      </c>
      <c r="X165" s="49">
        <v>458</v>
      </c>
      <c r="Y165" s="79">
        <v>4.3606868344304361</v>
      </c>
      <c r="Z165" s="80">
        <v>0.16917300754955419</v>
      </c>
      <c r="AA165" s="193">
        <v>0.31244652398657097</v>
      </c>
      <c r="AB165" s="89">
        <v>4.3187918214968701E-2</v>
      </c>
      <c r="AC165" s="193">
        <v>0.18370091077351611</v>
      </c>
      <c r="AD165" s="89">
        <v>3.6238719048997017E-2</v>
      </c>
      <c r="AE165" s="193">
        <v>0.4881113632682807</v>
      </c>
      <c r="AF165" s="89">
        <v>4.6511284034402627E-2</v>
      </c>
      <c r="AG165" s="193">
        <v>1.5741201971634328E-2</v>
      </c>
      <c r="AH165" s="89">
        <v>1.3005678985174077E-2</v>
      </c>
    </row>
    <row r="166" spans="1:34">
      <c r="A166" s="44" t="s">
        <v>616</v>
      </c>
      <c r="B166" s="192">
        <v>230</v>
      </c>
      <c r="C166" s="175">
        <v>4.7924582897364489</v>
      </c>
      <c r="D166" s="127">
        <v>0.24593867531141606</v>
      </c>
      <c r="E166" s="194">
        <v>0.28461084981271501</v>
      </c>
      <c r="F166" s="92">
        <v>5.9222891413836749E-2</v>
      </c>
      <c r="G166" s="194">
        <v>0.14819134255288199</v>
      </c>
      <c r="H166" s="92">
        <v>4.7217614526301015E-2</v>
      </c>
      <c r="I166" s="194">
        <v>0.56719780763440075</v>
      </c>
      <c r="J166" s="92">
        <v>6.479916544797823E-2</v>
      </c>
      <c r="K166" s="194">
        <v>0</v>
      </c>
      <c r="L166" s="92">
        <v>1.2035529447947385E-2</v>
      </c>
      <c r="M166" s="192">
        <v>230</v>
      </c>
      <c r="N166" s="175">
        <v>5.225391922002153</v>
      </c>
      <c r="O166" s="127">
        <v>0.21946562554554444</v>
      </c>
      <c r="P166" s="194">
        <v>0.16434082751560639</v>
      </c>
      <c r="Q166" s="92">
        <v>4.9120793720617395E-2</v>
      </c>
      <c r="R166" s="194">
        <v>0.14173981214001682</v>
      </c>
      <c r="S166" s="92">
        <v>4.6409581182556683E-2</v>
      </c>
      <c r="T166" s="194">
        <v>0.69391936034437496</v>
      </c>
      <c r="U166" s="92">
        <v>6.0435729056638618E-2</v>
      </c>
      <c r="V166" s="194">
        <v>0</v>
      </c>
      <c r="W166" s="92">
        <v>1.2035529447947385E-2</v>
      </c>
      <c r="X166" s="192">
        <v>228</v>
      </c>
      <c r="Y166" s="175">
        <v>4.0674227411704384</v>
      </c>
      <c r="Z166" s="127">
        <v>0.24242976364854743</v>
      </c>
      <c r="AA166" s="194">
        <v>0.3780181749969399</v>
      </c>
      <c r="AB166" s="92">
        <v>6.373829840712808E-2</v>
      </c>
      <c r="AC166" s="194">
        <v>0.20142107917805904</v>
      </c>
      <c r="AD166" s="92">
        <v>5.3158553227649029E-2</v>
      </c>
      <c r="AE166" s="194">
        <v>0.40519416745197689</v>
      </c>
      <c r="AF166" s="92">
        <v>6.450329025519326E-2</v>
      </c>
      <c r="AG166" s="194">
        <v>1.5366578373021791E-2</v>
      </c>
      <c r="AH166" s="92">
        <v>1.9982569224216623E-2</v>
      </c>
    </row>
    <row r="167" spans="1:34">
      <c r="A167" s="52" t="s">
        <v>544</v>
      </c>
      <c r="B167" s="191">
        <v>229</v>
      </c>
      <c r="C167" s="79">
        <v>5.1598221560418445</v>
      </c>
      <c r="D167" s="80">
        <v>0.22271500540683076</v>
      </c>
      <c r="E167" s="193">
        <v>0.16917754333690177</v>
      </c>
      <c r="F167" s="89">
        <v>4.9768901773438248E-2</v>
      </c>
      <c r="G167" s="193">
        <v>0.12354863844428463</v>
      </c>
      <c r="H167" s="89">
        <v>4.4065573205288533E-2</v>
      </c>
      <c r="I167" s="193">
        <v>0.69986433927062308</v>
      </c>
      <c r="J167" s="89">
        <v>6.0244708585086383E-2</v>
      </c>
      <c r="K167" s="193">
        <v>7.4094789481895509E-3</v>
      </c>
      <c r="L167" s="89">
        <v>1.6372404093814324E-2</v>
      </c>
      <c r="M167" s="191">
        <v>230</v>
      </c>
      <c r="N167" s="79">
        <v>5.4328874041164301</v>
      </c>
      <c r="O167" s="80">
        <v>0.21575475792777651</v>
      </c>
      <c r="P167" s="193">
        <v>0.13399676265152741</v>
      </c>
      <c r="Q167" s="89">
        <v>4.5400828377069095E-2</v>
      </c>
      <c r="R167" s="193">
        <v>0.10190966634853853</v>
      </c>
      <c r="S167" s="89">
        <v>4.0698129629931405E-2</v>
      </c>
      <c r="T167" s="193">
        <v>0.75670460112571358</v>
      </c>
      <c r="U167" s="89">
        <v>5.6437907752118328E-2</v>
      </c>
      <c r="V167" s="193">
        <v>7.3889698742197795E-3</v>
      </c>
      <c r="W167" s="89">
        <v>1.6308838534449886E-2</v>
      </c>
      <c r="X167" s="191">
        <v>230</v>
      </c>
      <c r="Y167" s="79">
        <v>4.6200676350646992</v>
      </c>
      <c r="Z167" s="80">
        <v>0.2308254919857422</v>
      </c>
      <c r="AA167" s="193">
        <v>0.25449249076790631</v>
      </c>
      <c r="AB167" s="89">
        <v>5.7254731146483821E-2</v>
      </c>
      <c r="AC167" s="193">
        <v>0.1680393373262522</v>
      </c>
      <c r="AD167" s="89">
        <v>4.9534131712034572E-2</v>
      </c>
      <c r="AE167" s="193">
        <v>0.56139586726797785</v>
      </c>
      <c r="AF167" s="89">
        <v>6.4894169756361503E-2</v>
      </c>
      <c r="AG167" s="193">
        <v>1.6072304637861953E-2</v>
      </c>
      <c r="AH167" s="89">
        <v>2.0149829675545801E-2</v>
      </c>
    </row>
    <row r="168" spans="1:34">
      <c r="A168" s="44" t="s">
        <v>545</v>
      </c>
      <c r="B168" s="192">
        <v>100</v>
      </c>
      <c r="C168" s="175">
        <v>5.2978518470853606</v>
      </c>
      <c r="D168" s="127">
        <v>0.34246362101276057</v>
      </c>
      <c r="E168" s="194">
        <v>0.1691821231061213</v>
      </c>
      <c r="F168" s="92">
        <v>7.5655122267419689E-2</v>
      </c>
      <c r="G168" s="194">
        <v>0.11646942738026221</v>
      </c>
      <c r="H168" s="92">
        <v>6.6216938494412222E-2</v>
      </c>
      <c r="I168" s="194">
        <v>0.71434844951361631</v>
      </c>
      <c r="J168" s="92">
        <v>8.933967729834591E-2</v>
      </c>
      <c r="K168" s="194">
        <v>0</v>
      </c>
      <c r="L168" s="92">
        <v>2.693364120714959E-2</v>
      </c>
      <c r="M168" s="192">
        <v>100</v>
      </c>
      <c r="N168" s="175">
        <v>5.8522509937265585</v>
      </c>
      <c r="O168" s="127">
        <v>0.26355119488105588</v>
      </c>
      <c r="P168" s="194">
        <v>7.1830380803410365E-2</v>
      </c>
      <c r="Q168" s="92">
        <v>5.5643725207725508E-2</v>
      </c>
      <c r="R168" s="194">
        <v>8.5679456422339956E-2</v>
      </c>
      <c r="S168" s="92">
        <v>5.9254756958195785E-2</v>
      </c>
      <c r="T168" s="194">
        <v>0.84249016277424982</v>
      </c>
      <c r="U168" s="92">
        <v>7.3785032818556945E-2</v>
      </c>
      <c r="V168" s="194">
        <v>0</v>
      </c>
      <c r="W168" s="92">
        <v>2.693364120714959E-2</v>
      </c>
      <c r="X168" s="192">
        <v>100</v>
      </c>
      <c r="Y168" s="175">
        <v>4.5263751795141536</v>
      </c>
      <c r="Z168" s="127">
        <v>0.33380927148846545</v>
      </c>
      <c r="AA168" s="194">
        <v>0.32849793077063588</v>
      </c>
      <c r="AB168" s="92">
        <v>9.2571399745098912E-2</v>
      </c>
      <c r="AC168" s="194">
        <v>0.13550135873210936</v>
      </c>
      <c r="AD168" s="92">
        <v>6.9935174979612116E-2</v>
      </c>
      <c r="AE168" s="194">
        <v>0.53553225685653105</v>
      </c>
      <c r="AF168" s="92">
        <v>9.7828875243745395E-2</v>
      </c>
      <c r="AG168" s="194">
        <v>4.6845364072342649E-4</v>
      </c>
      <c r="AH168" s="92">
        <v>2.7240986919346226E-2</v>
      </c>
    </row>
    <row r="169" spans="1:34">
      <c r="A169" s="52" t="s">
        <v>546</v>
      </c>
      <c r="B169" s="191">
        <v>218</v>
      </c>
      <c r="C169" s="79">
        <v>4.5900879544972737</v>
      </c>
      <c r="D169" s="80">
        <v>0.24211308650512287</v>
      </c>
      <c r="E169" s="193">
        <v>0.30651367819738773</v>
      </c>
      <c r="F169" s="89">
        <v>6.2081023623860761E-2</v>
      </c>
      <c r="G169" s="193">
        <v>7.5449097375330579E-2</v>
      </c>
      <c r="H169" s="89">
        <v>3.705201490300903E-2</v>
      </c>
      <c r="I169" s="193">
        <v>0.61803722442728315</v>
      </c>
      <c r="J169" s="89">
        <v>6.5287275470043996E-2</v>
      </c>
      <c r="K169" s="193">
        <v>0</v>
      </c>
      <c r="L169" s="89">
        <v>1.2683142508314297E-2</v>
      </c>
      <c r="M169" s="191">
        <v>220</v>
      </c>
      <c r="N169" s="79">
        <v>4.9801820830036521</v>
      </c>
      <c r="O169" s="80">
        <v>0.23742748071053374</v>
      </c>
      <c r="P169" s="193">
        <v>0.21013486165599551</v>
      </c>
      <c r="Q169" s="89">
        <v>5.4927255045513393E-2</v>
      </c>
      <c r="R169" s="193">
        <v>0.12752041171069325</v>
      </c>
      <c r="S169" s="89">
        <v>4.5546238706692034E-2</v>
      </c>
      <c r="T169" s="193">
        <v>0.66234472663331245</v>
      </c>
      <c r="U169" s="89">
        <v>6.3326966778461585E-2</v>
      </c>
      <c r="V169" s="193">
        <v>0</v>
      </c>
      <c r="W169" s="89">
        <v>1.2570410296190703E-2</v>
      </c>
      <c r="X169" s="191">
        <v>219</v>
      </c>
      <c r="Y169" s="79">
        <v>3.9048309890432482</v>
      </c>
      <c r="Z169" s="80">
        <v>0.25351801770294102</v>
      </c>
      <c r="AA169" s="193">
        <v>0.42022442424603412</v>
      </c>
      <c r="AB169" s="89">
        <v>6.6137798793923105E-2</v>
      </c>
      <c r="AC169" s="193">
        <v>0.20544358036240806</v>
      </c>
      <c r="AD169" s="89">
        <v>5.4619957488485235E-2</v>
      </c>
      <c r="AE169" s="193">
        <v>0.36255183483381681</v>
      </c>
      <c r="AF169" s="89">
        <v>6.4478544886528363E-2</v>
      </c>
      <c r="AG169" s="193">
        <v>1.1780160557742529E-2</v>
      </c>
      <c r="AH169" s="89">
        <v>1.8995245824914252E-2</v>
      </c>
    </row>
    <row r="170" spans="1:34">
      <c r="A170" s="44" t="s">
        <v>557</v>
      </c>
      <c r="B170" s="192">
        <v>86</v>
      </c>
      <c r="C170" s="175">
        <v>4.5452187242125444</v>
      </c>
      <c r="D170" s="127">
        <v>0.40423029515095921</v>
      </c>
      <c r="E170" s="194">
        <v>0.33008436707487193</v>
      </c>
      <c r="F170" s="92">
        <v>9.9696871159258849E-2</v>
      </c>
      <c r="G170" s="194">
        <v>6.4165056336925069E-2</v>
      </c>
      <c r="H170" s="92">
        <v>5.8331359511381159E-2</v>
      </c>
      <c r="I170" s="194">
        <v>0.60575057658820364</v>
      </c>
      <c r="J170" s="92">
        <v>0.10323409991110578</v>
      </c>
      <c r="K170" s="194">
        <v>0</v>
      </c>
      <c r="L170" s="92">
        <v>3.1075817723560044E-2</v>
      </c>
      <c r="M170" s="192">
        <v>87</v>
      </c>
      <c r="N170" s="175">
        <v>5.118401163072785</v>
      </c>
      <c r="O170" s="127">
        <v>0.3667412456132807</v>
      </c>
      <c r="P170" s="194">
        <v>0.20806788566923237</v>
      </c>
      <c r="Q170" s="92">
        <v>8.6976876333548322E-2</v>
      </c>
      <c r="R170" s="194">
        <v>9.3748510957596468E-2</v>
      </c>
      <c r="S170" s="92">
        <v>6.601694177962722E-2</v>
      </c>
      <c r="T170" s="194">
        <v>0.69818360337317176</v>
      </c>
      <c r="U170" s="92">
        <v>9.7010313649593199E-2</v>
      </c>
      <c r="V170" s="194">
        <v>0</v>
      </c>
      <c r="W170" s="92">
        <v>3.0738162934200789E-2</v>
      </c>
      <c r="X170" s="192">
        <v>87</v>
      </c>
      <c r="Y170" s="175">
        <v>4.2373195800352468</v>
      </c>
      <c r="Z170" s="127">
        <v>0.39567612656405665</v>
      </c>
      <c r="AA170" s="194">
        <v>0.34343880784146436</v>
      </c>
      <c r="AB170" s="92">
        <v>0.10002111485862147</v>
      </c>
      <c r="AC170" s="194">
        <v>0.22160004493078364</v>
      </c>
      <c r="AD170" s="92">
        <v>8.8741499723220318E-2</v>
      </c>
      <c r="AE170" s="194">
        <v>0.43496114722775275</v>
      </c>
      <c r="AF170" s="92">
        <v>0.10401471733116671</v>
      </c>
      <c r="AG170" s="194">
        <v>0</v>
      </c>
      <c r="AH170" s="92">
        <v>3.0738162934200789E-2</v>
      </c>
    </row>
    <row r="171" spans="1:34">
      <c r="A171" s="52" t="s">
        <v>558</v>
      </c>
      <c r="B171" s="191">
        <v>79</v>
      </c>
      <c r="C171" s="79">
        <v>4.1139998104288882</v>
      </c>
      <c r="D171" s="80">
        <v>0.41060379911778505</v>
      </c>
      <c r="E171" s="193">
        <v>0.37058502775730162</v>
      </c>
      <c r="F171" s="89">
        <v>0.10638125438978145</v>
      </c>
      <c r="G171" s="193">
        <v>0.10512068501324924</v>
      </c>
      <c r="H171" s="89">
        <v>7.2390353915951208E-2</v>
      </c>
      <c r="I171" s="193">
        <v>0.52429428722944915</v>
      </c>
      <c r="J171" s="89">
        <v>0.10964681630386287</v>
      </c>
      <c r="K171" s="193">
        <v>0</v>
      </c>
      <c r="L171" s="89">
        <v>3.3664360151118053E-2</v>
      </c>
      <c r="M171" s="191">
        <v>79</v>
      </c>
      <c r="N171" s="79">
        <v>4.334759299815885</v>
      </c>
      <c r="O171" s="80">
        <v>0.45314305142634376</v>
      </c>
      <c r="P171" s="193">
        <v>0.34133151191009736</v>
      </c>
      <c r="Q171" s="89">
        <v>0.10463762176903317</v>
      </c>
      <c r="R171" s="193">
        <v>0.1396059001926436</v>
      </c>
      <c r="S171" s="89">
        <v>7.9859322894356419E-2</v>
      </c>
      <c r="T171" s="193">
        <v>0.51906258789725879</v>
      </c>
      <c r="U171" s="89">
        <v>0.10969196707968287</v>
      </c>
      <c r="V171" s="193">
        <v>0</v>
      </c>
      <c r="W171" s="89">
        <v>3.3664360151118053E-2</v>
      </c>
      <c r="X171" s="191">
        <v>79</v>
      </c>
      <c r="Y171" s="79">
        <v>3.5885989703125114</v>
      </c>
      <c r="Z171" s="80">
        <v>0.43369157964490551</v>
      </c>
      <c r="AA171" s="193">
        <v>0.52703624208692712</v>
      </c>
      <c r="AB171" s="89">
        <v>0.10961879131664916</v>
      </c>
      <c r="AC171" s="193">
        <v>0.12376145237363487</v>
      </c>
      <c r="AD171" s="89">
        <v>7.660245833699178E-2</v>
      </c>
      <c r="AE171" s="193">
        <v>0.3158624329089581</v>
      </c>
      <c r="AF171" s="89">
        <v>0.10280000866570267</v>
      </c>
      <c r="AG171" s="193">
        <v>3.3339872630479765E-2</v>
      </c>
      <c r="AH171" s="89">
        <v>5.0402037785572416E-2</v>
      </c>
    </row>
    <row r="172" spans="1:34">
      <c r="A172" s="44" t="s">
        <v>549</v>
      </c>
      <c r="B172" s="192">
        <v>53</v>
      </c>
      <c r="C172" s="175">
        <v>5.3500016694251933</v>
      </c>
      <c r="D172" s="127">
        <v>0.38404536888197927</v>
      </c>
      <c r="E172" s="194">
        <v>0.17471213045102058</v>
      </c>
      <c r="F172" s="92">
        <v>0.10547055956347187</v>
      </c>
      <c r="G172" s="194">
        <v>5.1807169100131473E-2</v>
      </c>
      <c r="H172" s="92">
        <v>7.3186705220684642E-2</v>
      </c>
      <c r="I172" s="194">
        <v>0.77348070044884809</v>
      </c>
      <c r="J172" s="92">
        <v>0.11404433354169495</v>
      </c>
      <c r="K172" s="194">
        <v>0</v>
      </c>
      <c r="L172" s="92">
        <v>4.8743201957104715E-2</v>
      </c>
      <c r="M172" s="192">
        <v>54</v>
      </c>
      <c r="N172" s="175">
        <v>5.6596404237473923</v>
      </c>
      <c r="O172" s="127">
        <v>0.31865475772568969</v>
      </c>
      <c r="P172" s="194">
        <v>2.8156639100005289E-2</v>
      </c>
      <c r="Q172" s="92">
        <v>6.2705313356623618E-2</v>
      </c>
      <c r="R172" s="194">
        <v>0.1673469936206797</v>
      </c>
      <c r="S172" s="92">
        <v>0.10308310557165211</v>
      </c>
      <c r="T172" s="194">
        <v>0.80449636727931506</v>
      </c>
      <c r="U172" s="92">
        <v>0.10816005626697289</v>
      </c>
      <c r="V172" s="194">
        <v>0</v>
      </c>
      <c r="W172" s="92">
        <v>4.7917816122734561E-2</v>
      </c>
      <c r="X172" s="192">
        <v>53</v>
      </c>
      <c r="Y172" s="175">
        <v>3.7743788751568754</v>
      </c>
      <c r="Z172" s="127">
        <v>0.48177279269865569</v>
      </c>
      <c r="AA172" s="194">
        <v>0.39826579282865282</v>
      </c>
      <c r="AB172" s="92">
        <v>0.13006119819432821</v>
      </c>
      <c r="AC172" s="194">
        <v>0.29516948061230391</v>
      </c>
      <c r="AD172" s="92">
        <v>0.12246770901915503</v>
      </c>
      <c r="AE172" s="194">
        <v>0.3055891302971977</v>
      </c>
      <c r="AF172" s="92">
        <v>0.12349385369412121</v>
      </c>
      <c r="AG172" s="194">
        <v>9.7559626184570421E-4</v>
      </c>
      <c r="AH172" s="92">
        <v>4.9346055670726301E-2</v>
      </c>
    </row>
    <row r="173" spans="1:34">
      <c r="A173" s="52" t="s">
        <v>550</v>
      </c>
      <c r="B173" s="191">
        <v>148</v>
      </c>
      <c r="C173" s="79">
        <v>5.008866669378488</v>
      </c>
      <c r="D173" s="80">
        <v>0.28155309466971068</v>
      </c>
      <c r="E173" s="193">
        <v>0.21479226317013658</v>
      </c>
      <c r="F173" s="89">
        <v>6.7450069095456755E-2</v>
      </c>
      <c r="G173" s="193">
        <v>0.11723790152559825</v>
      </c>
      <c r="H173" s="89">
        <v>5.4071736567766038E-2</v>
      </c>
      <c r="I173" s="193">
        <v>0.66796983530426557</v>
      </c>
      <c r="J173" s="89">
        <v>7.6648812266874755E-2</v>
      </c>
      <c r="K173" s="193">
        <v>0</v>
      </c>
      <c r="L173" s="89">
        <v>1.8485246281217643E-2</v>
      </c>
      <c r="M173" s="191">
        <v>148</v>
      </c>
      <c r="N173" s="79">
        <v>5.8355391308937135</v>
      </c>
      <c r="O173" s="80">
        <v>0.22276976817525332</v>
      </c>
      <c r="P173" s="193">
        <v>7.9663925155092047E-2</v>
      </c>
      <c r="Q173" s="89">
        <v>4.6592946850741508E-2</v>
      </c>
      <c r="R173" s="193">
        <v>5.4635657543290243E-2</v>
      </c>
      <c r="S173" s="89">
        <v>4.0377391851864453E-2</v>
      </c>
      <c r="T173" s="193">
        <v>0.86570041730161817</v>
      </c>
      <c r="U173" s="89">
        <v>5.6941652493854807E-2</v>
      </c>
      <c r="V173" s="193">
        <v>0</v>
      </c>
      <c r="W173" s="89">
        <v>1.8485246281217643E-2</v>
      </c>
      <c r="X173" s="191">
        <v>147</v>
      </c>
      <c r="Y173" s="79">
        <v>3.9975593371861762</v>
      </c>
      <c r="Z173" s="80">
        <v>0.27858765215152431</v>
      </c>
      <c r="AA173" s="193">
        <v>0.38493662389886019</v>
      </c>
      <c r="AB173" s="89">
        <v>7.9310365888146259E-2</v>
      </c>
      <c r="AC173" s="193">
        <v>0.25387280753161423</v>
      </c>
      <c r="AD173" s="89">
        <v>7.1426034112715878E-2</v>
      </c>
      <c r="AE173" s="193">
        <v>0.35130240974622745</v>
      </c>
      <c r="AF173" s="89">
        <v>7.7893619621094271E-2</v>
      </c>
      <c r="AG173" s="193">
        <v>9.8881588232983316E-3</v>
      </c>
      <c r="AH173" s="89">
        <v>2.433113705456199E-2</v>
      </c>
    </row>
    <row r="174" spans="1:34">
      <c r="A174" s="44" t="s">
        <v>551</v>
      </c>
      <c r="B174" s="192">
        <v>664</v>
      </c>
      <c r="C174" s="175">
        <v>5.3563337219179843</v>
      </c>
      <c r="D174" s="127">
        <v>0.11668552838846358</v>
      </c>
      <c r="E174" s="194">
        <v>0.11122129683808771</v>
      </c>
      <c r="F174" s="92">
        <v>2.4550554774553882E-2</v>
      </c>
      <c r="G174" s="194">
        <v>0.14148077078195634</v>
      </c>
      <c r="H174" s="92">
        <v>2.7138887314802934E-2</v>
      </c>
      <c r="I174" s="194">
        <v>0.73096753539116899</v>
      </c>
      <c r="J174" s="92">
        <v>3.4371252355613724E-2</v>
      </c>
      <c r="K174" s="194">
        <v>1.6330396988794512E-2</v>
      </c>
      <c r="L174" s="92">
        <v>1.0626190431931257E-2</v>
      </c>
      <c r="M174" s="192">
        <v>665</v>
      </c>
      <c r="N174" s="175">
        <v>5.6450449946440253</v>
      </c>
      <c r="O174" s="127">
        <v>0.10699035292029929</v>
      </c>
      <c r="P174" s="194">
        <v>6.7230485045516597E-2</v>
      </c>
      <c r="Q174" s="92">
        <v>1.9705376436821794E-2</v>
      </c>
      <c r="R174" s="194">
        <v>0.1185139152866429</v>
      </c>
      <c r="S174" s="92">
        <v>2.5199171113320634E-2</v>
      </c>
      <c r="T174" s="194">
        <v>0.799242072596697</v>
      </c>
      <c r="U174" s="92">
        <v>3.1076527633854479E-2</v>
      </c>
      <c r="V174" s="194">
        <v>1.501352707114879E-2</v>
      </c>
      <c r="W174" s="92">
        <v>1.0256037782989042E-2</v>
      </c>
      <c r="X174" s="192">
        <v>679</v>
      </c>
      <c r="Y174" s="175">
        <v>4.4239187695072282</v>
      </c>
      <c r="Z174" s="127">
        <v>0.13932125171509552</v>
      </c>
      <c r="AA174" s="194">
        <v>0.32017346399306368</v>
      </c>
      <c r="AB174" s="92">
        <v>3.5734508170122387E-2</v>
      </c>
      <c r="AC174" s="194">
        <v>0.1856455222740491</v>
      </c>
      <c r="AD174" s="92">
        <v>2.9868951436915779E-2</v>
      </c>
      <c r="AE174" s="194">
        <v>0.47631483482109205</v>
      </c>
      <c r="AF174" s="92">
        <v>3.822148327454393E-2</v>
      </c>
      <c r="AG174" s="194">
        <v>1.7866178911799216E-2</v>
      </c>
      <c r="AH174" s="92">
        <v>1.0893262279305824E-2</v>
      </c>
    </row>
    <row r="177" spans="1:32" ht="18.75">
      <c r="A177" s="284" t="s">
        <v>238</v>
      </c>
      <c r="B177" s="284"/>
      <c r="C177" s="284"/>
      <c r="D177" s="284"/>
      <c r="E177" s="284"/>
      <c r="F177" s="284"/>
      <c r="G177" s="284"/>
      <c r="H177" s="284"/>
      <c r="I177" s="284"/>
      <c r="J177" s="284"/>
      <c r="K177" s="284"/>
      <c r="L177" s="284"/>
      <c r="M177" s="224"/>
      <c r="N177" s="224"/>
      <c r="O177" s="224"/>
      <c r="P177" s="242"/>
      <c r="Q177" s="242"/>
      <c r="R177" s="242"/>
      <c r="S177" s="242"/>
      <c r="T177" s="242"/>
      <c r="U177" s="242"/>
      <c r="V177" s="242"/>
      <c r="W177" s="242"/>
      <c r="X177" s="242"/>
      <c r="Y177" s="242"/>
      <c r="Z177" s="242"/>
      <c r="AA177" s="242"/>
      <c r="AB177" s="242"/>
    </row>
    <row r="178" spans="1:32" ht="41.25" customHeight="1">
      <c r="A178" s="422" t="s">
        <v>611</v>
      </c>
      <c r="B178" s="422"/>
      <c r="C178" s="422"/>
      <c r="D178" s="422"/>
      <c r="E178" s="422"/>
      <c r="F178" s="422"/>
      <c r="G178" s="422"/>
      <c r="H178" s="422"/>
      <c r="I178" s="422"/>
      <c r="J178" s="422"/>
      <c r="K178" s="422"/>
      <c r="L178" s="422"/>
      <c r="M178" s="286"/>
      <c r="N178" s="230"/>
      <c r="O178" s="230"/>
      <c r="P178" s="242"/>
      <c r="Q178" s="242"/>
      <c r="R178" s="242"/>
      <c r="S178" s="242"/>
      <c r="T178" s="242"/>
      <c r="U178" s="242"/>
      <c r="V178" s="242"/>
      <c r="W178" s="242"/>
      <c r="X178" s="242"/>
      <c r="Y178" s="242"/>
      <c r="Z178" s="242"/>
      <c r="AA178" s="242"/>
      <c r="AB178" s="242"/>
    </row>
    <row r="179" spans="1:32" ht="36" customHeight="1">
      <c r="A179" s="59"/>
      <c r="B179" s="392" t="s">
        <v>239</v>
      </c>
      <c r="C179" s="393"/>
      <c r="D179" s="393"/>
      <c r="E179" s="393"/>
      <c r="F179" s="393"/>
      <c r="G179" s="393"/>
      <c r="H179" s="393"/>
      <c r="I179" s="393"/>
      <c r="J179" s="393"/>
      <c r="K179" s="393"/>
      <c r="L179" s="394"/>
      <c r="M179" s="242"/>
      <c r="N179" s="242"/>
      <c r="O179" s="242"/>
      <c r="P179" s="242"/>
      <c r="Q179" s="242"/>
      <c r="R179" s="242"/>
      <c r="S179" s="242"/>
      <c r="T179" s="242"/>
      <c r="U179" s="242"/>
      <c r="V179" s="242"/>
      <c r="W179" s="242"/>
      <c r="X179" s="242"/>
      <c r="Y179" s="242"/>
      <c r="Z179" s="242"/>
      <c r="AA179" s="242"/>
      <c r="AB179" s="242"/>
      <c r="AC179" s="242"/>
      <c r="AD179" s="242"/>
      <c r="AE179" s="242"/>
      <c r="AF179" s="242"/>
    </row>
    <row r="180" spans="1:32" ht="39.75" customHeight="1">
      <c r="A180" s="32" t="s">
        <v>71</v>
      </c>
      <c r="B180" s="33" t="s">
        <v>72</v>
      </c>
      <c r="C180" s="34" t="s">
        <v>592</v>
      </c>
      <c r="D180" s="35" t="s">
        <v>73</v>
      </c>
      <c r="E180" s="33" t="s">
        <v>312</v>
      </c>
      <c r="F180" s="84" t="s">
        <v>143</v>
      </c>
      <c r="G180" s="33" t="s">
        <v>313</v>
      </c>
      <c r="H180" s="84" t="s">
        <v>144</v>
      </c>
      <c r="I180" s="33" t="s">
        <v>314</v>
      </c>
      <c r="J180" s="84" t="s">
        <v>117</v>
      </c>
      <c r="K180" s="33" t="s">
        <v>301</v>
      </c>
      <c r="L180" s="84" t="s">
        <v>315</v>
      </c>
      <c r="M180" s="242"/>
      <c r="N180" s="242"/>
      <c r="O180" s="242"/>
      <c r="P180" s="242"/>
      <c r="Q180" s="242"/>
      <c r="R180" s="242"/>
      <c r="S180" s="242"/>
      <c r="T180" s="242"/>
      <c r="U180" s="242"/>
      <c r="V180" s="242"/>
      <c r="W180" s="242"/>
      <c r="X180" s="242"/>
      <c r="Y180" s="242"/>
      <c r="Z180" s="242"/>
      <c r="AA180" s="242"/>
      <c r="AB180" s="242"/>
      <c r="AC180" s="242"/>
      <c r="AD180" s="242"/>
      <c r="AE180" s="242"/>
      <c r="AF180" s="242"/>
    </row>
    <row r="181" spans="1:32" ht="72">
      <c r="A181" s="36"/>
      <c r="B181" s="37" t="s">
        <v>74</v>
      </c>
      <c r="C181" s="123" t="s">
        <v>304</v>
      </c>
      <c r="D181" s="39" t="s">
        <v>76</v>
      </c>
      <c r="E181" s="37" t="s">
        <v>159</v>
      </c>
      <c r="F181" s="86" t="s">
        <v>88</v>
      </c>
      <c r="G181" s="37" t="s">
        <v>160</v>
      </c>
      <c r="H181" s="86" t="s">
        <v>88</v>
      </c>
      <c r="I181" s="37" t="s">
        <v>161</v>
      </c>
      <c r="J181" s="86" t="s">
        <v>88</v>
      </c>
      <c r="K181" s="37" t="s">
        <v>301</v>
      </c>
      <c r="L181" s="86" t="s">
        <v>88</v>
      </c>
    </row>
    <row r="182" spans="1:32">
      <c r="A182" s="40" t="s">
        <v>350</v>
      </c>
      <c r="B182" s="195">
        <v>13838</v>
      </c>
      <c r="C182" s="79">
        <v>4.7531192671633828</v>
      </c>
      <c r="D182" s="80">
        <v>2.7919035805388397E-2</v>
      </c>
      <c r="E182" s="193">
        <v>0.19002045105263729</v>
      </c>
      <c r="F182" s="89">
        <v>6.6703112055608339E-3</v>
      </c>
      <c r="G182" s="193">
        <v>0.1840468065802596</v>
      </c>
      <c r="H182" s="89">
        <v>6.5888669336456353E-3</v>
      </c>
      <c r="I182" s="193">
        <v>0.57979952345395602</v>
      </c>
      <c r="J182" s="89">
        <v>8.3907551919310368E-3</v>
      </c>
      <c r="K182" s="193">
        <v>4.6133218913162459E-2</v>
      </c>
      <c r="L182" s="89">
        <v>3.5708197407605087E-3</v>
      </c>
    </row>
    <row r="183" spans="1:32">
      <c r="A183" s="44" t="s">
        <v>351</v>
      </c>
      <c r="B183" s="44">
        <v>10167</v>
      </c>
      <c r="C183" s="175">
        <v>4.5506508062160735</v>
      </c>
      <c r="D183" s="127">
        <v>3.3212653597497817E-2</v>
      </c>
      <c r="E183" s="194">
        <v>0.23948467955034444</v>
      </c>
      <c r="F183" s="92">
        <v>8.4645649693695091E-3</v>
      </c>
      <c r="G183" s="194">
        <v>0.17748811872500828</v>
      </c>
      <c r="H183" s="92">
        <v>7.5792378329316047E-3</v>
      </c>
      <c r="I183" s="194">
        <v>0.54233865221360755</v>
      </c>
      <c r="J183" s="92">
        <v>9.8799966681224032E-3</v>
      </c>
      <c r="K183" s="194">
        <v>4.0688549511036121E-2</v>
      </c>
      <c r="L183" s="92">
        <v>3.9263144682149921E-3</v>
      </c>
    </row>
    <row r="184" spans="1:32">
      <c r="A184" s="40" t="s">
        <v>352</v>
      </c>
      <c r="B184" s="48">
        <v>3671</v>
      </c>
      <c r="C184" s="79">
        <v>4.9204671233886801</v>
      </c>
      <c r="D184" s="80">
        <v>4.9751738154754886E-2</v>
      </c>
      <c r="E184" s="193">
        <v>0.14955824544207372</v>
      </c>
      <c r="F184" s="89">
        <v>1.1778350780796388E-2</v>
      </c>
      <c r="G184" s="193">
        <v>0.18941187512765661</v>
      </c>
      <c r="H184" s="89">
        <v>1.293604968490268E-2</v>
      </c>
      <c r="I184" s="193">
        <v>0.61044286957522487</v>
      </c>
      <c r="J184" s="89">
        <v>1.6089170254407308E-2</v>
      </c>
      <c r="K184" s="193">
        <v>5.0587009855044267E-2</v>
      </c>
      <c r="L184" s="89">
        <v>7.2631690039010729E-3</v>
      </c>
    </row>
    <row r="185" spans="1:32">
      <c r="A185" s="44" t="s">
        <v>555</v>
      </c>
      <c r="B185" s="44">
        <v>3601</v>
      </c>
      <c r="C185" s="175">
        <v>4.7673464000247883</v>
      </c>
      <c r="D185" s="127">
        <v>5.6115954011193042E-2</v>
      </c>
      <c r="E185" s="194">
        <v>0.19111809106535024</v>
      </c>
      <c r="F185" s="92">
        <v>1.3105930205880443E-2</v>
      </c>
      <c r="G185" s="194">
        <v>0.18846068316948647</v>
      </c>
      <c r="H185" s="92">
        <v>1.3036107631638484E-2</v>
      </c>
      <c r="I185" s="194">
        <v>0.58280653313228759</v>
      </c>
      <c r="J185" s="92">
        <v>1.642562478642617E-2</v>
      </c>
      <c r="K185" s="194">
        <v>3.7614692632885915E-2</v>
      </c>
      <c r="L185" s="92">
        <v>6.3790587390296161E-3</v>
      </c>
    </row>
    <row r="186" spans="1:32">
      <c r="A186" s="40" t="s">
        <v>556</v>
      </c>
      <c r="B186" s="48">
        <v>2961</v>
      </c>
      <c r="C186" s="79">
        <v>4.5131061752112336</v>
      </c>
      <c r="D186" s="80">
        <v>6.2234239537613693E-2</v>
      </c>
      <c r="E186" s="193">
        <v>0.24395953986350252</v>
      </c>
      <c r="F186" s="89">
        <v>1.5781819539599992E-2</v>
      </c>
      <c r="G186" s="193">
        <v>0.18500730088485631</v>
      </c>
      <c r="H186" s="89">
        <v>1.4274926659510008E-2</v>
      </c>
      <c r="I186" s="193">
        <v>0.53193655530678319</v>
      </c>
      <c r="J186" s="89">
        <v>1.8327461919685876E-2</v>
      </c>
      <c r="K186" s="193">
        <v>3.9096603944854154E-2</v>
      </c>
      <c r="L186" s="89">
        <v>7.1731977306828997E-3</v>
      </c>
    </row>
    <row r="187" spans="1:32">
      <c r="A187" s="44" t="s">
        <v>536</v>
      </c>
      <c r="B187" s="44">
        <v>331</v>
      </c>
      <c r="C187" s="175">
        <v>4.7333164148741318</v>
      </c>
      <c r="D187" s="127">
        <v>0.17515191266202326</v>
      </c>
      <c r="E187" s="194">
        <v>0.22610761785796515</v>
      </c>
      <c r="F187" s="92">
        <v>4.5941392827532422E-2</v>
      </c>
      <c r="G187" s="194">
        <v>0.15212998851277501</v>
      </c>
      <c r="H187" s="92">
        <v>3.9679172749192533E-2</v>
      </c>
      <c r="I187" s="194">
        <v>0.59972278898207099</v>
      </c>
      <c r="J187" s="92">
        <v>5.3564460411529902E-2</v>
      </c>
      <c r="K187" s="194">
        <v>2.2039604647190916E-2</v>
      </c>
      <c r="L187" s="92">
        <v>1.794742602067765E-2</v>
      </c>
    </row>
    <row r="188" spans="1:32">
      <c r="A188" s="40" t="s">
        <v>537</v>
      </c>
      <c r="B188" s="48">
        <v>163</v>
      </c>
      <c r="C188" s="79">
        <v>4.8510567276633827</v>
      </c>
      <c r="D188" s="80">
        <v>0.24553155946206065</v>
      </c>
      <c r="E188" s="193">
        <v>0.21106806606259998</v>
      </c>
      <c r="F188" s="89">
        <v>6.3899165594679078E-2</v>
      </c>
      <c r="G188" s="193">
        <v>0.1459898127265416</v>
      </c>
      <c r="H188" s="89">
        <v>5.5931608411013752E-2</v>
      </c>
      <c r="I188" s="193">
        <v>0.62906813689812224</v>
      </c>
      <c r="J188" s="89">
        <v>7.4885921217538037E-2</v>
      </c>
      <c r="K188" s="193">
        <v>1.3873984312735739E-2</v>
      </c>
      <c r="L188" s="89">
        <v>2.440504861845964E-2</v>
      </c>
    </row>
    <row r="189" spans="1:32">
      <c r="A189" s="44" t="s">
        <v>538</v>
      </c>
      <c r="B189" s="44">
        <v>89</v>
      </c>
      <c r="C189" s="175">
        <v>4.8010228040351679</v>
      </c>
      <c r="D189" s="127">
        <v>0.32852326966287171</v>
      </c>
      <c r="E189" s="194">
        <v>0.19623474020392817</v>
      </c>
      <c r="F189" s="92">
        <v>8.4368230076555792E-2</v>
      </c>
      <c r="G189" s="194">
        <v>0.17057629592504495</v>
      </c>
      <c r="H189" s="92">
        <v>8.0486243040195402E-2</v>
      </c>
      <c r="I189" s="194">
        <v>0.63208381829757543</v>
      </c>
      <c r="J189" s="92">
        <v>0.10032684943984933</v>
      </c>
      <c r="K189" s="194">
        <v>1.105145573451249E-3</v>
      </c>
      <c r="L189" s="92">
        <v>3.0798617698453847E-2</v>
      </c>
    </row>
    <row r="190" spans="1:32">
      <c r="A190" s="40" t="s">
        <v>539</v>
      </c>
      <c r="B190" s="48">
        <v>243</v>
      </c>
      <c r="C190" s="79">
        <v>4.395950099775531</v>
      </c>
      <c r="D190" s="80">
        <v>0.23070486005806506</v>
      </c>
      <c r="E190" s="193">
        <v>0.28841952844518398</v>
      </c>
      <c r="F190" s="89">
        <v>5.7852511669700096E-2</v>
      </c>
      <c r="G190" s="193">
        <v>0.16414819165920505</v>
      </c>
      <c r="H190" s="89">
        <v>4.7755671541100907E-2</v>
      </c>
      <c r="I190" s="193">
        <v>0.51353452222761153</v>
      </c>
      <c r="J190" s="89">
        <v>6.3605909858231072E-2</v>
      </c>
      <c r="K190" s="193">
        <v>3.3897757667997075E-2</v>
      </c>
      <c r="L190" s="89">
        <v>2.5364773147487796E-2</v>
      </c>
    </row>
    <row r="191" spans="1:32">
      <c r="A191" s="44" t="s">
        <v>540</v>
      </c>
      <c r="B191" s="44">
        <v>82</v>
      </c>
      <c r="C191" s="175">
        <v>3.798479463680791</v>
      </c>
      <c r="D191" s="127">
        <v>0.43612222568663306</v>
      </c>
      <c r="E191" s="194">
        <v>0.44304434549886118</v>
      </c>
      <c r="F191" s="92">
        <v>0.10719484501683786</v>
      </c>
      <c r="G191" s="194">
        <v>8.8885235950791494E-2</v>
      </c>
      <c r="H191" s="92">
        <v>6.6940227629199781E-2</v>
      </c>
      <c r="I191" s="194">
        <v>0.42389575181323808</v>
      </c>
      <c r="J191" s="92">
        <v>0.10669111927893872</v>
      </c>
      <c r="K191" s="194">
        <v>4.4174666737109194E-2</v>
      </c>
      <c r="L191" s="92">
        <v>5.3309907415181899E-2</v>
      </c>
    </row>
    <row r="192" spans="1:32" ht="25.5">
      <c r="A192" s="40" t="s">
        <v>541</v>
      </c>
      <c r="B192" s="195">
        <v>91</v>
      </c>
      <c r="C192" s="79">
        <v>4.7504824665969787</v>
      </c>
      <c r="D192" s="80">
        <v>0.34688869294542202</v>
      </c>
      <c r="E192" s="193">
        <v>0.2007936787345162</v>
      </c>
      <c r="F192" s="89">
        <v>8.4069084976650985E-2</v>
      </c>
      <c r="G192" s="193">
        <v>0.19862113615527532</v>
      </c>
      <c r="H192" s="89">
        <v>8.3768736773883121E-2</v>
      </c>
      <c r="I192" s="193">
        <v>0.58079988987327047</v>
      </c>
      <c r="J192" s="89">
        <v>0.10136117438352454</v>
      </c>
      <c r="K192" s="193">
        <v>1.9785295236938089E-2</v>
      </c>
      <c r="L192" s="89">
        <v>4.0212316934454269E-2</v>
      </c>
    </row>
    <row r="193" spans="1:45">
      <c r="A193" s="44" t="s">
        <v>542</v>
      </c>
      <c r="B193" s="196">
        <v>70</v>
      </c>
      <c r="C193" s="175">
        <v>4.6185013707860216</v>
      </c>
      <c r="D193" s="127">
        <v>0.39486642417272266</v>
      </c>
      <c r="E193" s="194">
        <v>0.22310587773418242</v>
      </c>
      <c r="F193" s="92">
        <v>9.9020694945244278E-2</v>
      </c>
      <c r="G193" s="194">
        <v>0.20530757651394246</v>
      </c>
      <c r="H193" s="92">
        <v>9.650406299803449E-2</v>
      </c>
      <c r="I193" s="194">
        <v>0.53253552959311945</v>
      </c>
      <c r="J193" s="92">
        <v>0.11602720681908289</v>
      </c>
      <c r="K193" s="194">
        <v>3.9051016158755274E-2</v>
      </c>
      <c r="L193" s="92">
        <v>5.689030585584523E-2</v>
      </c>
    </row>
    <row r="194" spans="1:45">
      <c r="A194" s="40" t="s">
        <v>543</v>
      </c>
      <c r="B194" s="49">
        <v>476</v>
      </c>
      <c r="C194" s="79">
        <v>4.6776671108372678</v>
      </c>
      <c r="D194" s="80">
        <v>0.15348979880018906</v>
      </c>
      <c r="E194" s="193">
        <v>0.2299458158901824</v>
      </c>
      <c r="F194" s="89">
        <v>3.854447223863549E-2</v>
      </c>
      <c r="G194" s="193">
        <v>0.15376489592785103</v>
      </c>
      <c r="H194" s="89">
        <v>3.3180178183753101E-2</v>
      </c>
      <c r="I194" s="193">
        <v>0.58666512822277916</v>
      </c>
      <c r="J194" s="89">
        <v>4.4964227884002436E-2</v>
      </c>
      <c r="K194" s="193">
        <v>2.9624159959189548E-2</v>
      </c>
      <c r="L194" s="89">
        <v>1.6436433480198884E-2</v>
      </c>
    </row>
    <row r="195" spans="1:45">
      <c r="A195" s="44" t="s">
        <v>616</v>
      </c>
      <c r="B195" s="196">
        <v>245</v>
      </c>
      <c r="C195" s="175">
        <v>4.371270463979541</v>
      </c>
      <c r="D195" s="127">
        <v>0.21882709291046062</v>
      </c>
      <c r="E195" s="194">
        <v>0.27116243575708793</v>
      </c>
      <c r="F195" s="92">
        <v>5.6583068617763271E-2</v>
      </c>
      <c r="G195" s="194">
        <v>0.19635646263328596</v>
      </c>
      <c r="H195" s="92">
        <v>5.0814891858597167E-2</v>
      </c>
      <c r="I195" s="194">
        <v>0.49774775352802969</v>
      </c>
      <c r="J195" s="92">
        <v>6.3371802612066541E-2</v>
      </c>
      <c r="K195" s="194">
        <v>3.4733348081593902E-2</v>
      </c>
      <c r="L195" s="92">
        <v>2.5483607508772925E-2</v>
      </c>
    </row>
    <row r="196" spans="1:45">
      <c r="A196" s="52" t="s">
        <v>544</v>
      </c>
      <c r="B196" s="195">
        <v>231</v>
      </c>
      <c r="C196" s="79">
        <v>4.9494327048323568</v>
      </c>
      <c r="D196" s="80">
        <v>0.21009260958927692</v>
      </c>
      <c r="E196" s="193">
        <v>0.1930209243643253</v>
      </c>
      <c r="F196" s="89">
        <v>5.2013841677753435E-2</v>
      </c>
      <c r="G196" s="193">
        <v>0.11560822549750234</v>
      </c>
      <c r="H196" s="89">
        <v>4.2722296082253079E-2</v>
      </c>
      <c r="I196" s="193">
        <v>0.66632387816320204</v>
      </c>
      <c r="J196" s="89">
        <v>6.1646914080246737E-2</v>
      </c>
      <c r="K196" s="193">
        <v>2.5046971974969173E-2</v>
      </c>
      <c r="L196" s="89">
        <v>2.3350647062966374E-2</v>
      </c>
    </row>
    <row r="197" spans="1:45">
      <c r="A197" s="44" t="s">
        <v>545</v>
      </c>
      <c r="B197" s="196">
        <v>112</v>
      </c>
      <c r="C197" s="175">
        <v>4.4040027779850792</v>
      </c>
      <c r="D197" s="127">
        <v>0.31560227868285995</v>
      </c>
      <c r="E197" s="194">
        <v>0.2810520304247085</v>
      </c>
      <c r="F197" s="92">
        <v>8.4140864822144126E-2</v>
      </c>
      <c r="G197" s="194">
        <v>0.15252614128622202</v>
      </c>
      <c r="H197" s="92">
        <v>6.8843930671379186E-2</v>
      </c>
      <c r="I197" s="194">
        <v>0.51634198230213146</v>
      </c>
      <c r="J197" s="92">
        <v>9.280142686571527E-2</v>
      </c>
      <c r="K197" s="194">
        <v>5.00798459869378E-2</v>
      </c>
      <c r="L197" s="92">
        <v>4.5972899586775751E-2</v>
      </c>
    </row>
    <row r="198" spans="1:45">
      <c r="A198" s="52" t="s">
        <v>546</v>
      </c>
      <c r="B198" s="195">
        <v>288</v>
      </c>
      <c r="C198" s="79">
        <v>4.2340992920226661</v>
      </c>
      <c r="D198" s="80">
        <v>0.2099936253885909</v>
      </c>
      <c r="E198" s="193">
        <v>0.30977374918747591</v>
      </c>
      <c r="F198" s="89">
        <v>5.4244320590395897E-2</v>
      </c>
      <c r="G198" s="193">
        <v>0.20495318997052664</v>
      </c>
      <c r="H198" s="89">
        <v>4.7587849194950772E-2</v>
      </c>
      <c r="I198" s="193">
        <v>0.47344295770332451</v>
      </c>
      <c r="J198" s="89">
        <v>5.8440218113627679E-2</v>
      </c>
      <c r="K198" s="193">
        <v>1.1830103138676098E-2</v>
      </c>
      <c r="L198" s="89">
        <v>1.5778635331879075E-2</v>
      </c>
    </row>
    <row r="199" spans="1:45">
      <c r="A199" s="44" t="s">
        <v>557</v>
      </c>
      <c r="B199" s="196">
        <v>112</v>
      </c>
      <c r="C199" s="175">
        <v>4.1280884246627707</v>
      </c>
      <c r="D199" s="127">
        <v>0.34501717394165782</v>
      </c>
      <c r="E199" s="194">
        <v>0.3347684257604932</v>
      </c>
      <c r="F199" s="92">
        <v>8.7994694977777843E-2</v>
      </c>
      <c r="G199" s="194">
        <v>0.22250492449660389</v>
      </c>
      <c r="H199" s="92">
        <v>7.8392361651672238E-2</v>
      </c>
      <c r="I199" s="194">
        <v>0.42470878056172201</v>
      </c>
      <c r="J199" s="92">
        <v>9.1861109790278853E-2</v>
      </c>
      <c r="K199" s="194">
        <v>1.8017869181181825E-2</v>
      </c>
      <c r="L199" s="92">
        <v>3.3956440446515662E-2</v>
      </c>
    </row>
    <row r="200" spans="1:45">
      <c r="A200" s="52" t="s">
        <v>558</v>
      </c>
      <c r="B200" s="195">
        <v>113</v>
      </c>
      <c r="C200" s="79">
        <v>4.2410661787928277</v>
      </c>
      <c r="D200" s="80">
        <v>0.33496772736844116</v>
      </c>
      <c r="E200" s="193">
        <v>0.32222308743985517</v>
      </c>
      <c r="F200" s="89">
        <v>8.6828139431977217E-2</v>
      </c>
      <c r="G200" s="193">
        <v>0.18297617654013806</v>
      </c>
      <c r="H200" s="89">
        <v>7.3088285102733019E-2</v>
      </c>
      <c r="I200" s="193">
        <v>0.49379559410293417</v>
      </c>
      <c r="J200" s="89">
        <v>9.2443393160599963E-2</v>
      </c>
      <c r="K200" s="193">
        <v>1.0051419170730141E-3</v>
      </c>
      <c r="L200" s="89">
        <v>2.46260638520992E-2</v>
      </c>
    </row>
    <row r="201" spans="1:45">
      <c r="A201" s="44" t="s">
        <v>549</v>
      </c>
      <c r="B201" s="196">
        <v>63</v>
      </c>
      <c r="C201" s="175">
        <v>4.4113827653552633</v>
      </c>
      <c r="D201" s="127">
        <v>0.4351141741177551</v>
      </c>
      <c r="E201" s="194">
        <v>0.24475674975716</v>
      </c>
      <c r="F201" s="92">
        <v>0.1071747556876182</v>
      </c>
      <c r="G201" s="194">
        <v>0.20986464262834953</v>
      </c>
      <c r="H201" s="92">
        <v>0.1023813785527217</v>
      </c>
      <c r="I201" s="194">
        <v>0.52675172624207411</v>
      </c>
      <c r="J201" s="92">
        <v>0.12201473991784227</v>
      </c>
      <c r="K201" s="194">
        <v>1.8626881372416363E-2</v>
      </c>
      <c r="L201" s="92">
        <v>5.1902363748361595E-2</v>
      </c>
    </row>
    <row r="202" spans="1:45">
      <c r="A202" s="52" t="s">
        <v>550</v>
      </c>
      <c r="B202" s="195">
        <v>160</v>
      </c>
      <c r="C202" s="79">
        <v>4.1598549603332211</v>
      </c>
      <c r="D202" s="80">
        <v>0.25625549976355316</v>
      </c>
      <c r="E202" s="193">
        <v>0.26556384125170862</v>
      </c>
      <c r="F202" s="89">
        <v>6.9438160471443355E-2</v>
      </c>
      <c r="G202" s="193">
        <v>0.27056510196936606</v>
      </c>
      <c r="H202" s="89">
        <v>6.9824891727677904E-2</v>
      </c>
      <c r="I202" s="193">
        <v>0.42396537017248065</v>
      </c>
      <c r="J202" s="89">
        <v>7.7222723309468333E-2</v>
      </c>
      <c r="K202" s="193">
        <v>3.9905686606444127E-2</v>
      </c>
      <c r="L202" s="89">
        <v>3.4398481943649271E-2</v>
      </c>
    </row>
    <row r="203" spans="1:45">
      <c r="A203" s="44" t="s">
        <v>551</v>
      </c>
      <c r="B203" s="196">
        <v>663</v>
      </c>
      <c r="C203" s="175">
        <v>4.9401744207159091</v>
      </c>
      <c r="D203" s="127">
        <v>0.12352383467567582</v>
      </c>
      <c r="E203" s="194">
        <v>0.15503502931509264</v>
      </c>
      <c r="F203" s="92">
        <v>2.8180419539600061E-2</v>
      </c>
      <c r="G203" s="194">
        <v>0.19188027888850101</v>
      </c>
      <c r="H203" s="92">
        <v>3.0605827602226354E-2</v>
      </c>
      <c r="I203" s="194">
        <v>0.61581510107125004</v>
      </c>
      <c r="J203" s="92">
        <v>3.767988397395209E-2</v>
      </c>
      <c r="K203" s="194">
        <v>3.7269590725161852E-2</v>
      </c>
      <c r="L203" s="92">
        <v>1.5183241934016567E-2</v>
      </c>
    </row>
    <row r="204" spans="1:45">
      <c r="P204" s="242"/>
      <c r="Q204" s="242"/>
      <c r="R204" s="242"/>
      <c r="S204" s="242"/>
      <c r="T204" s="242"/>
      <c r="U204" s="242"/>
      <c r="V204" s="242"/>
      <c r="W204" s="242"/>
      <c r="X204" s="242"/>
      <c r="Y204" s="242"/>
      <c r="Z204" s="242"/>
      <c r="AA204" s="242"/>
      <c r="AB204" s="242"/>
      <c r="AC204" s="242"/>
      <c r="AD204" s="242"/>
      <c r="AE204" s="242"/>
      <c r="AF204" s="242"/>
      <c r="AG204" s="242"/>
      <c r="AH204" s="242"/>
      <c r="AI204" s="242"/>
      <c r="AJ204" s="242"/>
      <c r="AK204" s="242"/>
      <c r="AL204" s="242"/>
      <c r="AM204" s="242"/>
      <c r="AN204" s="242"/>
      <c r="AO204" s="242"/>
      <c r="AP204" s="242"/>
      <c r="AQ204" s="242"/>
      <c r="AR204" s="242"/>
      <c r="AS204" s="242"/>
    </row>
    <row r="205" spans="1:45">
      <c r="P205" s="242"/>
      <c r="Q205" s="242"/>
      <c r="R205" s="242"/>
      <c r="S205" s="242"/>
      <c r="T205" s="242"/>
      <c r="U205" s="242"/>
      <c r="V205" s="242"/>
      <c r="W205" s="242"/>
      <c r="X205" s="242"/>
      <c r="Y205" s="242"/>
      <c r="Z205" s="242"/>
      <c r="AA205" s="242"/>
      <c r="AB205" s="242"/>
      <c r="AC205" s="242"/>
      <c r="AD205" s="242"/>
      <c r="AE205" s="242"/>
      <c r="AF205" s="242"/>
      <c r="AG205" s="242"/>
      <c r="AH205" s="242"/>
      <c r="AI205" s="242"/>
      <c r="AJ205" s="242"/>
      <c r="AK205" s="242"/>
      <c r="AL205" s="242"/>
      <c r="AM205" s="242"/>
      <c r="AN205" s="242"/>
      <c r="AO205" s="242"/>
      <c r="AP205" s="242"/>
      <c r="AQ205" s="242"/>
      <c r="AR205" s="242"/>
      <c r="AS205" s="242"/>
    </row>
    <row r="206" spans="1:45" ht="18.75">
      <c r="A206" s="421" t="s">
        <v>425</v>
      </c>
      <c r="B206" s="421"/>
      <c r="C206" s="421"/>
      <c r="D206" s="421"/>
      <c r="P206" s="242"/>
      <c r="Q206" s="242"/>
      <c r="R206" s="242"/>
      <c r="S206" s="242"/>
      <c r="T206" s="242"/>
      <c r="U206" s="242"/>
      <c r="V206" s="242"/>
      <c r="W206" s="242"/>
      <c r="X206" s="242"/>
      <c r="Y206" s="242"/>
      <c r="Z206" s="242"/>
      <c r="AA206" s="242"/>
      <c r="AB206" s="242"/>
      <c r="AC206" s="242"/>
      <c r="AD206" s="242"/>
      <c r="AE206" s="242"/>
      <c r="AF206" s="242"/>
      <c r="AG206" s="242"/>
      <c r="AH206" s="242"/>
      <c r="AI206" s="242"/>
      <c r="AJ206" s="242"/>
      <c r="AK206" s="242"/>
      <c r="AL206" s="242"/>
      <c r="AM206" s="242"/>
      <c r="AN206" s="242"/>
      <c r="AO206" s="242"/>
      <c r="AP206" s="242"/>
      <c r="AQ206" s="242"/>
      <c r="AR206" s="242"/>
      <c r="AS206" s="242"/>
    </row>
    <row r="207" spans="1:45" ht="114.75" customHeight="1">
      <c r="A207" s="414" t="s">
        <v>426</v>
      </c>
      <c r="B207" s="414"/>
      <c r="C207" s="414"/>
      <c r="D207" s="414"/>
      <c r="P207" s="242"/>
      <c r="Q207" s="242"/>
      <c r="R207" s="242"/>
      <c r="S207" s="242"/>
      <c r="T207" s="242"/>
      <c r="U207" s="242"/>
      <c r="V207" s="242"/>
      <c r="W207" s="242"/>
      <c r="X207" s="242"/>
      <c r="Y207" s="242"/>
      <c r="Z207" s="242"/>
      <c r="AA207" s="242"/>
      <c r="AB207" s="242"/>
      <c r="AC207" s="242"/>
      <c r="AD207" s="242"/>
      <c r="AE207" s="242"/>
      <c r="AF207" s="242"/>
      <c r="AG207" s="242"/>
      <c r="AH207" s="242"/>
      <c r="AI207" s="242"/>
      <c r="AJ207" s="242"/>
      <c r="AK207" s="242"/>
      <c r="AL207" s="242"/>
      <c r="AM207" s="242"/>
      <c r="AN207" s="242"/>
      <c r="AO207" s="242"/>
      <c r="AP207" s="242"/>
      <c r="AQ207" s="242"/>
      <c r="AR207" s="242"/>
      <c r="AS207" s="242"/>
    </row>
    <row r="208" spans="1:45" ht="51.75" customHeight="1">
      <c r="A208" s="397" t="s">
        <v>427</v>
      </c>
      <c r="B208" s="397"/>
      <c r="C208" s="397"/>
      <c r="D208" s="397"/>
      <c r="P208" s="242"/>
      <c r="Q208" s="242"/>
      <c r="R208" s="242"/>
      <c r="S208" s="242"/>
      <c r="T208" s="242"/>
      <c r="U208" s="242"/>
      <c r="V208" s="242"/>
      <c r="W208" s="242"/>
      <c r="X208" s="242"/>
      <c r="Y208" s="242"/>
      <c r="Z208" s="242"/>
      <c r="AA208" s="242"/>
      <c r="AB208" s="242"/>
      <c r="AC208" s="242"/>
      <c r="AD208" s="242"/>
      <c r="AE208" s="242"/>
      <c r="AF208" s="242"/>
      <c r="AG208" s="242"/>
      <c r="AH208" s="242"/>
      <c r="AI208" s="242"/>
      <c r="AJ208" s="242"/>
      <c r="AK208" s="242"/>
      <c r="AL208" s="242"/>
      <c r="AM208" s="242"/>
      <c r="AN208" s="242"/>
      <c r="AO208" s="242"/>
      <c r="AP208" s="242"/>
      <c r="AQ208" s="242"/>
      <c r="AR208" s="242"/>
      <c r="AS208" s="242"/>
    </row>
    <row r="209" spans="1:45" ht="72">
      <c r="A209" s="32" t="s">
        <v>71</v>
      </c>
      <c r="B209" s="33" t="s">
        <v>72</v>
      </c>
      <c r="C209" s="34" t="s">
        <v>592</v>
      </c>
      <c r="D209" s="35" t="s">
        <v>73</v>
      </c>
      <c r="P209" s="242"/>
      <c r="Q209" s="242"/>
      <c r="R209" s="242"/>
      <c r="S209" s="242"/>
      <c r="T209" s="242"/>
      <c r="U209" s="242"/>
      <c r="V209" s="242"/>
      <c r="W209" s="242"/>
      <c r="X209" s="242"/>
      <c r="Y209" s="242"/>
      <c r="Z209" s="242"/>
      <c r="AA209" s="242"/>
      <c r="AB209" s="242"/>
      <c r="AC209" s="242"/>
      <c r="AD209" s="242"/>
      <c r="AE209" s="242"/>
      <c r="AF209" s="242"/>
      <c r="AG209" s="242"/>
      <c r="AH209" s="242"/>
      <c r="AI209" s="242"/>
      <c r="AJ209" s="242"/>
      <c r="AK209" s="242"/>
      <c r="AL209" s="242"/>
      <c r="AM209" s="242"/>
      <c r="AN209" s="242"/>
      <c r="AO209" s="242"/>
      <c r="AP209" s="242"/>
      <c r="AQ209" s="242"/>
      <c r="AR209" s="242"/>
      <c r="AS209" s="242"/>
    </row>
    <row r="210" spans="1:45" ht="72">
      <c r="A210" s="36"/>
      <c r="B210" s="37" t="s">
        <v>74</v>
      </c>
      <c r="C210" s="123" t="s">
        <v>304</v>
      </c>
      <c r="D210" s="39" t="s">
        <v>76</v>
      </c>
      <c r="P210" s="242"/>
      <c r="Q210" s="242"/>
      <c r="R210" s="242"/>
      <c r="S210" s="242"/>
      <c r="T210" s="242"/>
      <c r="U210" s="242"/>
      <c r="V210" s="242"/>
      <c r="W210" s="242"/>
      <c r="X210" s="242"/>
      <c r="Y210" s="242"/>
      <c r="Z210" s="242"/>
      <c r="AA210" s="242"/>
      <c r="AB210" s="242"/>
      <c r="AC210" s="242"/>
      <c r="AD210" s="242"/>
      <c r="AE210" s="242"/>
      <c r="AF210" s="242"/>
      <c r="AG210" s="242"/>
      <c r="AH210" s="242"/>
      <c r="AI210" s="242"/>
      <c r="AJ210" s="242"/>
      <c r="AK210" s="242"/>
      <c r="AL210" s="242"/>
      <c r="AM210" s="242"/>
      <c r="AN210" s="242"/>
      <c r="AO210" s="242"/>
      <c r="AP210" s="242"/>
      <c r="AQ210" s="242"/>
      <c r="AR210" s="242"/>
      <c r="AS210" s="242"/>
    </row>
    <row r="211" spans="1:45">
      <c r="A211" s="40" t="s">
        <v>350</v>
      </c>
      <c r="B211" s="195">
        <v>12593</v>
      </c>
      <c r="C211" s="79">
        <v>5.1060011985267124</v>
      </c>
      <c r="D211" s="80">
        <v>2.7925078840023133E-2</v>
      </c>
      <c r="P211" s="242"/>
      <c r="Q211" s="242"/>
      <c r="R211" s="242"/>
      <c r="S211" s="242"/>
      <c r="T211" s="242"/>
      <c r="U211" s="242"/>
      <c r="V211" s="242"/>
      <c r="W211" s="242"/>
      <c r="X211" s="242"/>
      <c r="Y211" s="242"/>
      <c r="Z211" s="242"/>
      <c r="AA211" s="242"/>
      <c r="AB211" s="242"/>
      <c r="AC211" s="242"/>
      <c r="AD211" s="242"/>
      <c r="AE211" s="242"/>
      <c r="AF211" s="242"/>
      <c r="AG211" s="242"/>
      <c r="AH211" s="242"/>
      <c r="AI211" s="242"/>
      <c r="AJ211" s="242"/>
      <c r="AK211" s="242"/>
      <c r="AL211" s="242"/>
      <c r="AM211" s="242"/>
      <c r="AN211" s="242"/>
      <c r="AO211" s="242"/>
      <c r="AP211" s="242"/>
      <c r="AQ211" s="242"/>
      <c r="AR211" s="242"/>
      <c r="AS211" s="242"/>
    </row>
    <row r="212" spans="1:45">
      <c r="A212" s="44" t="s">
        <v>351</v>
      </c>
      <c r="B212" s="44">
        <v>9432</v>
      </c>
      <c r="C212" s="175">
        <v>4.9040010505054754</v>
      </c>
      <c r="D212" s="127">
        <v>3.3560466122883263E-2</v>
      </c>
      <c r="P212" s="242"/>
      <c r="Q212" s="242"/>
      <c r="R212" s="242"/>
      <c r="S212" s="242"/>
      <c r="T212" s="242"/>
      <c r="U212" s="242"/>
      <c r="V212" s="242"/>
      <c r="W212" s="242"/>
      <c r="X212" s="242"/>
      <c r="Y212" s="242"/>
      <c r="Z212" s="242"/>
      <c r="AA212" s="242"/>
      <c r="AB212" s="242"/>
      <c r="AC212" s="242"/>
      <c r="AD212" s="242"/>
      <c r="AE212" s="242"/>
      <c r="AF212" s="242"/>
      <c r="AG212" s="242"/>
      <c r="AH212" s="242"/>
      <c r="AI212" s="242"/>
      <c r="AJ212" s="242"/>
      <c r="AK212" s="242"/>
      <c r="AL212" s="242"/>
      <c r="AM212" s="242"/>
      <c r="AN212" s="242"/>
      <c r="AO212" s="242"/>
      <c r="AP212" s="242"/>
      <c r="AQ212" s="242"/>
      <c r="AR212" s="242"/>
      <c r="AS212" s="242"/>
    </row>
    <row r="213" spans="1:45">
      <c r="A213" s="40" t="s">
        <v>352</v>
      </c>
      <c r="B213" s="48">
        <v>3161</v>
      </c>
      <c r="C213" s="79">
        <v>5.2769408652534873</v>
      </c>
      <c r="D213" s="80">
        <v>4.6376554682555408E-2</v>
      </c>
      <c r="P213" s="242"/>
      <c r="Q213" s="242"/>
      <c r="R213" s="242"/>
      <c r="S213" s="242"/>
      <c r="T213" s="242"/>
      <c r="U213" s="242"/>
      <c r="V213" s="242"/>
      <c r="W213" s="242"/>
      <c r="X213" s="242"/>
      <c r="Y213" s="242"/>
      <c r="Z213" s="242"/>
      <c r="AA213" s="242"/>
      <c r="AB213" s="242"/>
      <c r="AC213" s="242"/>
      <c r="AD213" s="242"/>
      <c r="AE213" s="242"/>
      <c r="AF213" s="242"/>
      <c r="AG213" s="242"/>
      <c r="AH213" s="242"/>
      <c r="AI213" s="242"/>
      <c r="AJ213" s="242"/>
      <c r="AK213" s="242"/>
      <c r="AL213" s="242"/>
      <c r="AM213" s="242"/>
      <c r="AN213" s="242"/>
      <c r="AO213" s="242"/>
      <c r="AP213" s="242"/>
      <c r="AQ213" s="242"/>
      <c r="AR213" s="242"/>
      <c r="AS213" s="242"/>
    </row>
    <row r="214" spans="1:45">
      <c r="A214" s="44" t="s">
        <v>555</v>
      </c>
      <c r="B214" s="44">
        <v>3366</v>
      </c>
      <c r="C214" s="175">
        <v>5.132739467181068</v>
      </c>
      <c r="D214" s="127">
        <v>5.4388990026760058E-2</v>
      </c>
      <c r="P214" s="242"/>
      <c r="Q214" s="242"/>
      <c r="R214" s="242"/>
      <c r="S214" s="242"/>
      <c r="T214" s="242"/>
      <c r="U214" s="242"/>
      <c r="V214" s="242"/>
      <c r="W214" s="242"/>
      <c r="X214" s="242"/>
      <c r="Y214" s="242"/>
      <c r="Z214" s="242"/>
      <c r="AA214" s="242"/>
      <c r="AB214" s="242"/>
      <c r="AC214" s="242"/>
      <c r="AD214" s="242"/>
      <c r="AE214" s="242"/>
      <c r="AF214" s="242"/>
      <c r="AG214" s="242"/>
      <c r="AH214" s="242"/>
      <c r="AI214" s="242"/>
      <c r="AJ214" s="242"/>
      <c r="AK214" s="242"/>
      <c r="AL214" s="242"/>
      <c r="AM214" s="242"/>
      <c r="AN214" s="242"/>
      <c r="AO214" s="242"/>
      <c r="AP214" s="242"/>
      <c r="AQ214" s="242"/>
      <c r="AR214" s="242"/>
      <c r="AS214" s="242"/>
    </row>
    <row r="215" spans="1:45">
      <c r="A215" s="40" t="s">
        <v>556</v>
      </c>
      <c r="B215" s="48">
        <v>2792</v>
      </c>
      <c r="C215" s="79">
        <v>4.9848135510067495</v>
      </c>
      <c r="D215" s="80">
        <v>6.0788665265834096E-2</v>
      </c>
      <c r="P215" s="242"/>
      <c r="Q215" s="242"/>
      <c r="R215" s="242"/>
      <c r="S215" s="242"/>
      <c r="T215" s="242"/>
      <c r="U215" s="242"/>
      <c r="V215" s="242"/>
      <c r="W215" s="242"/>
      <c r="X215" s="242"/>
      <c r="Y215" s="242"/>
      <c r="Z215" s="242"/>
      <c r="AA215" s="242"/>
      <c r="AB215" s="242"/>
      <c r="AC215" s="242"/>
      <c r="AD215" s="242"/>
      <c r="AE215" s="242"/>
      <c r="AF215" s="242"/>
      <c r="AG215" s="242"/>
      <c r="AH215" s="242"/>
      <c r="AI215" s="242"/>
      <c r="AJ215" s="242"/>
      <c r="AK215" s="242"/>
      <c r="AL215" s="242"/>
      <c r="AM215" s="242"/>
      <c r="AN215" s="242"/>
      <c r="AO215" s="242"/>
      <c r="AP215" s="242"/>
      <c r="AQ215" s="242"/>
      <c r="AR215" s="242"/>
      <c r="AS215" s="242"/>
    </row>
    <row r="216" spans="1:45">
      <c r="A216" s="44" t="s">
        <v>536</v>
      </c>
      <c r="B216" s="44">
        <v>317</v>
      </c>
      <c r="C216" s="175">
        <v>5.2141845840778425</v>
      </c>
      <c r="D216" s="127">
        <v>0.17403708901289514</v>
      </c>
      <c r="P216" s="242"/>
      <c r="Q216" s="242"/>
      <c r="R216" s="242"/>
      <c r="S216" s="242"/>
      <c r="T216" s="242"/>
      <c r="U216" s="242"/>
      <c r="V216" s="242"/>
      <c r="W216" s="242"/>
      <c r="X216" s="242"/>
      <c r="Y216" s="242"/>
      <c r="Z216" s="242"/>
      <c r="AA216" s="242"/>
      <c r="AB216" s="242"/>
      <c r="AC216" s="242"/>
      <c r="AD216" s="242"/>
      <c r="AE216" s="242"/>
      <c r="AF216" s="242"/>
      <c r="AG216" s="242"/>
      <c r="AH216" s="242"/>
      <c r="AI216" s="242"/>
      <c r="AJ216" s="242"/>
      <c r="AK216" s="242"/>
      <c r="AL216" s="242"/>
      <c r="AM216" s="242"/>
      <c r="AN216" s="242"/>
      <c r="AO216" s="242"/>
      <c r="AP216" s="242"/>
      <c r="AQ216" s="242"/>
      <c r="AR216" s="242"/>
      <c r="AS216" s="242"/>
    </row>
    <row r="217" spans="1:45">
      <c r="A217" s="40" t="s">
        <v>537</v>
      </c>
      <c r="B217" s="48">
        <v>155</v>
      </c>
      <c r="C217" s="79">
        <v>5.5055194676888037</v>
      </c>
      <c r="D217" s="80">
        <v>0.22781922874029678</v>
      </c>
      <c r="P217" s="242"/>
      <c r="Q217" s="242"/>
      <c r="R217" s="242"/>
      <c r="S217" s="242"/>
      <c r="T217" s="242"/>
      <c r="U217" s="242"/>
      <c r="V217" s="242"/>
      <c r="W217" s="242"/>
      <c r="X217" s="242"/>
      <c r="Y217" s="242"/>
      <c r="Z217" s="242"/>
      <c r="AA217" s="242"/>
      <c r="AB217" s="242"/>
      <c r="AC217" s="242"/>
      <c r="AD217" s="242"/>
      <c r="AE217" s="242"/>
      <c r="AF217" s="242"/>
      <c r="AG217" s="242"/>
      <c r="AH217" s="242"/>
      <c r="AI217" s="242"/>
      <c r="AJ217" s="242"/>
      <c r="AK217" s="242"/>
      <c r="AL217" s="242"/>
      <c r="AM217" s="242"/>
      <c r="AN217" s="242"/>
      <c r="AO217" s="242"/>
      <c r="AP217" s="242"/>
      <c r="AQ217" s="242"/>
      <c r="AR217" s="242"/>
      <c r="AS217" s="242"/>
    </row>
    <row r="218" spans="1:45">
      <c r="A218" s="44" t="s">
        <v>538</v>
      </c>
      <c r="B218" s="44">
        <v>86</v>
      </c>
      <c r="C218" s="175">
        <v>4.3467439564993091</v>
      </c>
      <c r="D218" s="127">
        <v>0.33921364786232383</v>
      </c>
      <c r="P218" s="242"/>
      <c r="Q218" s="242"/>
      <c r="R218" s="242"/>
      <c r="S218" s="242"/>
      <c r="T218" s="242"/>
      <c r="U218" s="242"/>
      <c r="V218" s="242"/>
      <c r="W218" s="242"/>
      <c r="X218" s="242"/>
      <c r="Y218" s="242"/>
      <c r="Z218" s="242"/>
      <c r="AA218" s="242"/>
      <c r="AB218" s="242"/>
      <c r="AC218" s="242"/>
      <c r="AD218" s="242"/>
      <c r="AE218" s="242"/>
      <c r="AF218" s="242"/>
      <c r="AG218" s="242"/>
      <c r="AH218" s="242"/>
      <c r="AI218" s="242"/>
      <c r="AJ218" s="242"/>
      <c r="AK218" s="242"/>
      <c r="AL218" s="242"/>
      <c r="AM218" s="242"/>
      <c r="AN218" s="242"/>
      <c r="AO218" s="242"/>
      <c r="AP218" s="242"/>
      <c r="AQ218" s="242"/>
      <c r="AR218" s="242"/>
      <c r="AS218" s="242"/>
    </row>
    <row r="219" spans="1:45">
      <c r="A219" s="40" t="s">
        <v>539</v>
      </c>
      <c r="B219" s="48">
        <v>237</v>
      </c>
      <c r="C219" s="79">
        <v>4.4997945770726844</v>
      </c>
      <c r="D219" s="80">
        <v>0.22644732240184395</v>
      </c>
      <c r="P219" s="242"/>
      <c r="Q219" s="242"/>
      <c r="R219" s="242"/>
      <c r="S219" s="242"/>
      <c r="T219" s="242"/>
      <c r="U219" s="242"/>
      <c r="V219" s="242"/>
      <c r="W219" s="242"/>
      <c r="X219" s="242"/>
      <c r="Y219" s="242"/>
      <c r="Z219" s="242"/>
      <c r="AA219" s="242"/>
      <c r="AB219" s="242"/>
      <c r="AC219" s="242"/>
      <c r="AD219" s="242"/>
      <c r="AE219" s="242"/>
      <c r="AF219" s="242"/>
      <c r="AG219" s="242"/>
      <c r="AH219" s="242"/>
      <c r="AI219" s="242"/>
      <c r="AJ219" s="242"/>
      <c r="AK219" s="242"/>
      <c r="AL219" s="242"/>
      <c r="AM219" s="242"/>
      <c r="AN219" s="242"/>
      <c r="AO219" s="242"/>
      <c r="AP219" s="242"/>
      <c r="AQ219" s="242"/>
      <c r="AR219" s="242"/>
      <c r="AS219" s="242"/>
    </row>
    <row r="220" spans="1:45">
      <c r="A220" s="44" t="s">
        <v>540</v>
      </c>
      <c r="B220" s="44">
        <v>80</v>
      </c>
      <c r="C220" s="175">
        <v>3.9445099465509488</v>
      </c>
      <c r="D220" s="127">
        <v>0.34184338218406096</v>
      </c>
      <c r="P220" s="242"/>
      <c r="Q220" s="242"/>
      <c r="R220" s="242"/>
      <c r="S220" s="242"/>
      <c r="T220" s="242"/>
      <c r="U220" s="242"/>
      <c r="V220" s="242"/>
      <c r="W220" s="242"/>
      <c r="X220" s="242"/>
      <c r="Y220" s="242"/>
      <c r="Z220" s="242"/>
      <c r="AA220" s="242"/>
      <c r="AB220" s="242"/>
      <c r="AC220" s="242"/>
      <c r="AD220" s="242"/>
      <c r="AE220" s="242"/>
      <c r="AF220" s="242"/>
      <c r="AG220" s="242"/>
      <c r="AH220" s="242"/>
      <c r="AI220" s="242"/>
      <c r="AJ220" s="242"/>
      <c r="AK220" s="242"/>
      <c r="AL220" s="242"/>
      <c r="AM220" s="242"/>
      <c r="AN220" s="242"/>
      <c r="AO220" s="242"/>
      <c r="AP220" s="242"/>
      <c r="AQ220" s="242"/>
      <c r="AR220" s="242"/>
      <c r="AS220" s="242"/>
    </row>
    <row r="221" spans="1:45" ht="25.5">
      <c r="A221" s="40" t="s">
        <v>541</v>
      </c>
      <c r="B221" s="195">
        <v>89</v>
      </c>
      <c r="C221" s="79">
        <v>4.2511657954574362</v>
      </c>
      <c r="D221" s="80">
        <v>0.35131004324553194</v>
      </c>
      <c r="P221" s="242"/>
      <c r="Q221" s="242"/>
      <c r="R221" s="242"/>
      <c r="S221" s="242"/>
      <c r="T221" s="242"/>
      <c r="U221" s="242"/>
      <c r="V221" s="242"/>
      <c r="W221" s="242"/>
      <c r="X221" s="242"/>
      <c r="Y221" s="242"/>
      <c r="Z221" s="242"/>
      <c r="AA221" s="242"/>
      <c r="AB221" s="242"/>
      <c r="AC221" s="242"/>
      <c r="AD221" s="242"/>
      <c r="AE221" s="242"/>
      <c r="AF221" s="242"/>
      <c r="AG221" s="242"/>
      <c r="AH221" s="242"/>
      <c r="AI221" s="242"/>
      <c r="AJ221" s="242"/>
      <c r="AK221" s="242"/>
      <c r="AL221" s="242"/>
      <c r="AM221" s="242"/>
      <c r="AN221" s="242"/>
      <c r="AO221" s="242"/>
      <c r="AP221" s="242"/>
      <c r="AQ221" s="242"/>
      <c r="AR221" s="242"/>
      <c r="AS221" s="242"/>
    </row>
    <row r="222" spans="1:45">
      <c r="A222" s="44" t="s">
        <v>542</v>
      </c>
      <c r="B222" s="196">
        <v>68</v>
      </c>
      <c r="C222" s="175">
        <v>5.424266723571316</v>
      </c>
      <c r="D222" s="127">
        <v>0.37924105946034137</v>
      </c>
      <c r="P222" s="242"/>
      <c r="Q222" s="242"/>
      <c r="R222" s="242"/>
      <c r="S222" s="242"/>
      <c r="T222" s="242"/>
      <c r="U222" s="242"/>
      <c r="V222" s="242"/>
      <c r="W222" s="242"/>
      <c r="X222" s="242"/>
      <c r="Y222" s="242"/>
      <c r="Z222" s="242"/>
      <c r="AA222" s="242"/>
      <c r="AB222" s="242"/>
      <c r="AC222" s="242"/>
      <c r="AD222" s="242"/>
      <c r="AE222" s="242"/>
      <c r="AF222" s="242"/>
      <c r="AG222" s="242"/>
      <c r="AH222" s="242"/>
      <c r="AI222" s="242"/>
      <c r="AJ222" s="242"/>
      <c r="AK222" s="242"/>
      <c r="AL222" s="242"/>
      <c r="AM222" s="242"/>
      <c r="AN222" s="242"/>
      <c r="AO222" s="242"/>
      <c r="AP222" s="242"/>
      <c r="AQ222" s="242"/>
      <c r="AR222" s="242"/>
      <c r="AS222" s="242"/>
    </row>
    <row r="223" spans="1:45">
      <c r="A223" s="40" t="s">
        <v>543</v>
      </c>
      <c r="B223" s="49">
        <v>425</v>
      </c>
      <c r="C223" s="79">
        <v>5.0223718876445398</v>
      </c>
      <c r="D223" s="80">
        <v>0.15038577285226376</v>
      </c>
      <c r="P223" s="242"/>
      <c r="Q223" s="242"/>
      <c r="R223" s="242"/>
      <c r="S223" s="242"/>
      <c r="T223" s="242"/>
      <c r="U223" s="242"/>
      <c r="V223" s="242"/>
      <c r="W223" s="242"/>
      <c r="X223" s="242"/>
      <c r="Y223" s="242"/>
      <c r="Z223" s="242"/>
      <c r="AA223" s="242"/>
      <c r="AB223" s="242"/>
      <c r="AC223" s="242"/>
      <c r="AD223" s="242"/>
      <c r="AE223" s="242"/>
      <c r="AF223" s="242"/>
      <c r="AG223" s="242"/>
      <c r="AH223" s="242"/>
      <c r="AI223" s="242"/>
      <c r="AJ223" s="242"/>
      <c r="AK223" s="242"/>
      <c r="AL223" s="242"/>
      <c r="AM223" s="242"/>
      <c r="AN223" s="242"/>
      <c r="AO223" s="242"/>
      <c r="AP223" s="242"/>
      <c r="AQ223" s="242"/>
      <c r="AR223" s="242"/>
      <c r="AS223" s="242"/>
    </row>
    <row r="224" spans="1:45">
      <c r="A224" s="44" t="s">
        <v>616</v>
      </c>
      <c r="B224" s="196">
        <v>223</v>
      </c>
      <c r="C224" s="175">
        <v>4.7967500492310711</v>
      </c>
      <c r="D224" s="127">
        <v>0.21796440948472945</v>
      </c>
      <c r="P224" s="242"/>
      <c r="Q224" s="242"/>
      <c r="R224" s="242"/>
      <c r="S224" s="242"/>
      <c r="T224" s="242"/>
      <c r="U224" s="242"/>
      <c r="V224" s="242"/>
      <c r="W224" s="242"/>
      <c r="X224" s="242"/>
      <c r="Y224" s="242"/>
      <c r="Z224" s="242"/>
      <c r="AA224" s="242"/>
      <c r="AB224" s="242"/>
      <c r="AC224" s="242"/>
      <c r="AD224" s="242"/>
      <c r="AE224" s="242"/>
      <c r="AF224" s="242"/>
      <c r="AG224" s="242"/>
      <c r="AH224" s="242"/>
      <c r="AI224" s="242"/>
      <c r="AJ224" s="242"/>
      <c r="AK224" s="242"/>
      <c r="AL224" s="242"/>
      <c r="AM224" s="242"/>
      <c r="AN224" s="242"/>
      <c r="AO224" s="242"/>
      <c r="AP224" s="242"/>
      <c r="AQ224" s="242"/>
      <c r="AR224" s="242"/>
      <c r="AS224" s="242"/>
    </row>
    <row r="225" spans="1:45">
      <c r="A225" s="52" t="s">
        <v>544</v>
      </c>
      <c r="B225" s="195">
        <v>202</v>
      </c>
      <c r="C225" s="79">
        <v>5.2300631233120072</v>
      </c>
      <c r="D225" s="80">
        <v>0.20002014870212984</v>
      </c>
      <c r="P225" s="242"/>
      <c r="Q225" s="242"/>
      <c r="R225" s="242"/>
      <c r="S225" s="242"/>
      <c r="T225" s="242"/>
      <c r="U225" s="242"/>
      <c r="V225" s="242"/>
      <c r="W225" s="242"/>
      <c r="X225" s="242"/>
      <c r="Y225" s="242"/>
      <c r="Z225" s="242"/>
      <c r="AA225" s="242"/>
      <c r="AB225" s="242"/>
      <c r="AC225" s="242"/>
      <c r="AD225" s="242"/>
      <c r="AE225" s="242"/>
      <c r="AF225" s="242"/>
      <c r="AG225" s="242"/>
      <c r="AH225" s="242"/>
      <c r="AI225" s="242"/>
      <c r="AJ225" s="242"/>
      <c r="AK225" s="242"/>
      <c r="AL225" s="242"/>
      <c r="AM225" s="242"/>
      <c r="AN225" s="242"/>
      <c r="AO225" s="242"/>
      <c r="AP225" s="242"/>
      <c r="AQ225" s="242"/>
      <c r="AR225" s="242"/>
      <c r="AS225" s="242"/>
    </row>
    <row r="226" spans="1:45">
      <c r="A226" s="44" t="s">
        <v>545</v>
      </c>
      <c r="B226" s="196">
        <v>104</v>
      </c>
      <c r="C226" s="175">
        <v>5.2668671852084694</v>
      </c>
      <c r="D226" s="127">
        <v>0.2853798992452059</v>
      </c>
      <c r="P226" s="242"/>
      <c r="Q226" s="242"/>
      <c r="R226" s="242"/>
      <c r="S226" s="242"/>
      <c r="T226" s="242"/>
      <c r="U226" s="242"/>
      <c r="V226" s="242"/>
      <c r="W226" s="242"/>
      <c r="X226" s="242"/>
      <c r="Y226" s="242"/>
      <c r="Z226" s="242"/>
      <c r="AA226" s="242"/>
      <c r="AB226" s="242"/>
      <c r="AC226" s="242"/>
      <c r="AD226" s="242"/>
      <c r="AE226" s="242"/>
      <c r="AF226" s="242"/>
      <c r="AG226" s="242"/>
      <c r="AH226" s="242"/>
      <c r="AI226" s="242"/>
      <c r="AJ226" s="242"/>
      <c r="AK226" s="242"/>
      <c r="AL226" s="242"/>
      <c r="AM226" s="242"/>
      <c r="AN226" s="242"/>
      <c r="AO226" s="242"/>
      <c r="AP226" s="242"/>
      <c r="AQ226" s="242"/>
      <c r="AR226" s="242"/>
      <c r="AS226" s="242"/>
    </row>
    <row r="227" spans="1:45">
      <c r="A227" s="52" t="s">
        <v>546</v>
      </c>
      <c r="B227" s="195">
        <v>277</v>
      </c>
      <c r="C227" s="79">
        <v>4.724741254311656</v>
      </c>
      <c r="D227" s="80">
        <v>0.20439227950662733</v>
      </c>
      <c r="P227" s="242"/>
      <c r="Q227" s="242"/>
      <c r="R227" s="242"/>
      <c r="S227" s="242"/>
      <c r="T227" s="242"/>
      <c r="U227" s="242"/>
      <c r="V227" s="242"/>
      <c r="W227" s="242"/>
      <c r="X227" s="242"/>
      <c r="Y227" s="242"/>
      <c r="Z227" s="242"/>
      <c r="AA227" s="242"/>
      <c r="AB227" s="242"/>
      <c r="AC227" s="242"/>
      <c r="AD227" s="242"/>
      <c r="AE227" s="242"/>
      <c r="AF227" s="242"/>
      <c r="AG227" s="242"/>
      <c r="AH227" s="242"/>
      <c r="AI227" s="242"/>
      <c r="AJ227" s="242"/>
      <c r="AK227" s="242"/>
      <c r="AL227" s="242"/>
      <c r="AM227" s="242"/>
      <c r="AN227" s="242"/>
      <c r="AO227" s="242"/>
      <c r="AP227" s="242"/>
      <c r="AQ227" s="242"/>
      <c r="AR227" s="242"/>
      <c r="AS227" s="242"/>
    </row>
    <row r="228" spans="1:45">
      <c r="A228" s="44" t="s">
        <v>557</v>
      </c>
      <c r="B228" s="196">
        <v>110</v>
      </c>
      <c r="C228" s="175">
        <v>4.8139103736468547</v>
      </c>
      <c r="D228" s="127">
        <v>0.31181818181818177</v>
      </c>
      <c r="P228" s="242"/>
      <c r="Q228" s="242"/>
      <c r="R228" s="242"/>
      <c r="S228" s="242"/>
      <c r="T228" s="242"/>
      <c r="U228" s="242"/>
      <c r="V228" s="242"/>
      <c r="W228" s="242"/>
      <c r="X228" s="242"/>
      <c r="Y228" s="242"/>
      <c r="Z228" s="242"/>
      <c r="AA228" s="242"/>
      <c r="AB228" s="242"/>
      <c r="AC228" s="242"/>
      <c r="AD228" s="242"/>
      <c r="AE228" s="242"/>
      <c r="AF228" s="242"/>
      <c r="AG228" s="242"/>
      <c r="AH228" s="242"/>
      <c r="AI228" s="242"/>
      <c r="AJ228" s="242"/>
      <c r="AK228" s="242"/>
      <c r="AL228" s="242"/>
      <c r="AM228" s="242"/>
      <c r="AN228" s="242"/>
      <c r="AO228" s="242"/>
      <c r="AP228" s="242"/>
      <c r="AQ228" s="242"/>
      <c r="AR228" s="242"/>
      <c r="AS228" s="242"/>
    </row>
    <row r="229" spans="1:45">
      <c r="A229" s="52" t="s">
        <v>558</v>
      </c>
      <c r="B229" s="195">
        <v>112</v>
      </c>
      <c r="C229" s="79">
        <v>4.4282927944527408</v>
      </c>
      <c r="D229" s="80">
        <v>0.33606038895193008</v>
      </c>
      <c r="P229" s="242"/>
      <c r="Q229" s="242"/>
      <c r="R229" s="242"/>
      <c r="S229" s="242"/>
      <c r="T229" s="242"/>
      <c r="U229" s="242"/>
      <c r="V229" s="242"/>
      <c r="W229" s="242"/>
      <c r="X229" s="242"/>
      <c r="Y229" s="242"/>
      <c r="Z229" s="242"/>
      <c r="AA229" s="242"/>
      <c r="AB229" s="242"/>
      <c r="AC229" s="242"/>
      <c r="AD229" s="242"/>
      <c r="AE229" s="242"/>
      <c r="AF229" s="242"/>
      <c r="AG229" s="242"/>
      <c r="AH229" s="242"/>
      <c r="AI229" s="242"/>
      <c r="AJ229" s="242"/>
      <c r="AK229" s="242"/>
      <c r="AL229" s="242"/>
      <c r="AM229" s="242"/>
      <c r="AN229" s="242"/>
      <c r="AO229" s="242"/>
      <c r="AP229" s="242"/>
      <c r="AQ229" s="242"/>
      <c r="AR229" s="242"/>
      <c r="AS229" s="242"/>
    </row>
    <row r="230" spans="1:45">
      <c r="A230" s="44" t="s">
        <v>549</v>
      </c>
      <c r="B230" s="196">
        <v>55</v>
      </c>
      <c r="C230" s="175">
        <v>5.0737142710062875</v>
      </c>
      <c r="D230" s="127">
        <v>0.45737189920036092</v>
      </c>
      <c r="P230" s="242"/>
      <c r="Q230" s="242"/>
      <c r="R230" s="242"/>
      <c r="S230" s="242"/>
      <c r="T230" s="242"/>
      <c r="U230" s="242"/>
      <c r="V230" s="242"/>
      <c r="W230" s="242"/>
      <c r="X230" s="242"/>
      <c r="Y230" s="242"/>
      <c r="Z230" s="242"/>
      <c r="AA230" s="242"/>
      <c r="AB230" s="242"/>
      <c r="AC230" s="242"/>
      <c r="AD230" s="242"/>
      <c r="AE230" s="242"/>
      <c r="AF230" s="242"/>
      <c r="AG230" s="242"/>
      <c r="AH230" s="242"/>
      <c r="AI230" s="242"/>
      <c r="AJ230" s="242"/>
      <c r="AK230" s="242"/>
      <c r="AL230" s="242"/>
      <c r="AM230" s="242"/>
      <c r="AN230" s="242"/>
      <c r="AO230" s="242"/>
      <c r="AP230" s="242"/>
      <c r="AQ230" s="242"/>
      <c r="AR230" s="242"/>
      <c r="AS230" s="242"/>
    </row>
    <row r="231" spans="1:45">
      <c r="A231" s="52" t="s">
        <v>550</v>
      </c>
      <c r="B231" s="195">
        <v>153</v>
      </c>
      <c r="C231" s="79">
        <v>4.8135468487136919</v>
      </c>
      <c r="D231" s="80">
        <v>0.23957835946420489</v>
      </c>
      <c r="P231" s="242"/>
      <c r="Q231" s="242"/>
      <c r="R231" s="242"/>
      <c r="S231" s="242"/>
      <c r="T231" s="242"/>
      <c r="U231" s="242"/>
      <c r="V231" s="242"/>
      <c r="W231" s="242"/>
      <c r="X231" s="242"/>
      <c r="Y231" s="242"/>
      <c r="Z231" s="242"/>
      <c r="AA231" s="242"/>
      <c r="AB231" s="242"/>
      <c r="AC231" s="242"/>
      <c r="AD231" s="242"/>
      <c r="AE231" s="242"/>
      <c r="AF231" s="242"/>
      <c r="AG231" s="242"/>
      <c r="AH231" s="242"/>
      <c r="AI231" s="242"/>
      <c r="AJ231" s="242"/>
      <c r="AK231" s="242"/>
      <c r="AL231" s="242"/>
      <c r="AM231" s="242"/>
      <c r="AN231" s="242"/>
      <c r="AO231" s="242"/>
      <c r="AP231" s="242"/>
      <c r="AQ231" s="242"/>
      <c r="AR231" s="242"/>
      <c r="AS231" s="242"/>
    </row>
    <row r="232" spans="1:45">
      <c r="A232" s="44" t="s">
        <v>551</v>
      </c>
      <c r="B232" s="196">
        <v>594</v>
      </c>
      <c r="C232" s="175">
        <v>5.2217291093671365</v>
      </c>
      <c r="D232" s="127">
        <v>0.11610890094925745</v>
      </c>
      <c r="P232" s="242"/>
      <c r="Q232" s="242"/>
      <c r="R232" s="242"/>
      <c r="S232" s="242"/>
      <c r="T232" s="242"/>
      <c r="U232" s="242"/>
      <c r="V232" s="242"/>
      <c r="W232" s="242"/>
      <c r="X232" s="242"/>
      <c r="Y232" s="242"/>
      <c r="Z232" s="242"/>
      <c r="AA232" s="242"/>
      <c r="AB232" s="242"/>
      <c r="AC232" s="242"/>
      <c r="AD232" s="242"/>
      <c r="AE232" s="242"/>
      <c r="AF232" s="242"/>
      <c r="AG232" s="242"/>
      <c r="AH232" s="242"/>
      <c r="AI232" s="242"/>
      <c r="AJ232" s="242"/>
      <c r="AK232" s="242"/>
      <c r="AL232" s="242"/>
      <c r="AM232" s="242"/>
      <c r="AN232" s="242"/>
      <c r="AO232" s="242"/>
      <c r="AP232" s="242"/>
      <c r="AQ232" s="242"/>
      <c r="AR232" s="242"/>
      <c r="AS232" s="242"/>
    </row>
    <row r="233" spans="1:45">
      <c r="P233" s="242"/>
      <c r="Q233" s="242"/>
      <c r="R233" s="242"/>
      <c r="S233" s="242"/>
      <c r="T233" s="242"/>
      <c r="U233" s="242"/>
      <c r="V233" s="242"/>
      <c r="W233" s="242"/>
      <c r="X233" s="242"/>
      <c r="Y233" s="242"/>
      <c r="Z233" s="242"/>
      <c r="AA233" s="242"/>
      <c r="AB233" s="242"/>
      <c r="AC233" s="242"/>
      <c r="AD233" s="242"/>
      <c r="AE233" s="242"/>
      <c r="AF233" s="242"/>
      <c r="AG233" s="242"/>
      <c r="AH233" s="242"/>
      <c r="AI233" s="242"/>
      <c r="AJ233" s="242"/>
      <c r="AK233" s="242"/>
      <c r="AL233" s="242"/>
      <c r="AM233" s="242"/>
      <c r="AN233" s="242"/>
      <c r="AO233" s="242"/>
      <c r="AP233" s="242"/>
      <c r="AQ233" s="242"/>
      <c r="AR233" s="242"/>
      <c r="AS233" s="242"/>
    </row>
    <row r="234" spans="1:45">
      <c r="P234" s="242"/>
      <c r="Q234" s="242"/>
      <c r="R234" s="242"/>
      <c r="S234" s="242"/>
      <c r="T234" s="242"/>
      <c r="U234" s="242"/>
      <c r="V234" s="242"/>
      <c r="W234" s="242"/>
      <c r="X234" s="242"/>
      <c r="Y234" s="242"/>
      <c r="Z234" s="242"/>
      <c r="AA234" s="242"/>
      <c r="AB234" s="242"/>
      <c r="AC234" s="242"/>
      <c r="AD234" s="242"/>
      <c r="AE234" s="242"/>
      <c r="AF234" s="242"/>
      <c r="AG234" s="242"/>
      <c r="AH234" s="242"/>
      <c r="AI234" s="242"/>
      <c r="AJ234" s="242"/>
      <c r="AK234" s="242"/>
      <c r="AL234" s="242"/>
      <c r="AM234" s="242"/>
      <c r="AN234" s="242"/>
      <c r="AO234" s="242"/>
      <c r="AP234" s="242"/>
      <c r="AQ234" s="242"/>
      <c r="AR234" s="242"/>
      <c r="AS234" s="242"/>
    </row>
    <row r="235" spans="1:45" ht="18.75">
      <c r="A235" s="421" t="s">
        <v>428</v>
      </c>
      <c r="B235" s="421"/>
      <c r="C235" s="421"/>
      <c r="D235" s="421"/>
      <c r="E235" s="421"/>
      <c r="F235" s="421"/>
      <c r="G235" s="421"/>
      <c r="H235" s="421"/>
      <c r="I235" s="421"/>
      <c r="J235" s="421"/>
      <c r="K235" s="421"/>
      <c r="L235" s="421"/>
      <c r="M235" s="421"/>
      <c r="N235" s="421"/>
      <c r="O235" s="421"/>
      <c r="P235" s="421"/>
      <c r="Q235" s="421"/>
      <c r="R235" s="421"/>
      <c r="S235" s="421"/>
      <c r="T235" s="242"/>
      <c r="U235" s="242"/>
      <c r="V235" s="242"/>
      <c r="W235" s="242"/>
      <c r="X235" s="242"/>
      <c r="Y235" s="242"/>
      <c r="Z235" s="242"/>
      <c r="AA235" s="242"/>
      <c r="AB235" s="242"/>
      <c r="AC235" s="242"/>
      <c r="AD235" s="242"/>
      <c r="AE235" s="242"/>
      <c r="AF235" s="242"/>
      <c r="AG235" s="242"/>
      <c r="AH235" s="242"/>
      <c r="AI235" s="242"/>
      <c r="AJ235" s="242"/>
      <c r="AK235" s="242"/>
      <c r="AL235" s="242"/>
      <c r="AM235" s="242"/>
      <c r="AN235" s="242"/>
      <c r="AO235" s="242"/>
      <c r="AP235" s="242"/>
      <c r="AQ235" s="242"/>
      <c r="AR235" s="242"/>
      <c r="AS235" s="242"/>
    </row>
    <row r="236" spans="1:45" ht="76.5" customHeight="1">
      <c r="A236" s="420" t="s">
        <v>597</v>
      </c>
      <c r="B236" s="420"/>
      <c r="C236" s="420"/>
      <c r="D236" s="420"/>
      <c r="E236" s="420"/>
      <c r="F236" s="420"/>
      <c r="G236" s="420"/>
      <c r="H236" s="420"/>
      <c r="I236" s="420"/>
      <c r="J236" s="420"/>
      <c r="K236" s="420"/>
      <c r="L236" s="420"/>
      <c r="M236" s="420"/>
      <c r="N236" s="420"/>
      <c r="O236" s="420"/>
      <c r="P236" s="420"/>
      <c r="Q236" s="420"/>
      <c r="R236" s="420"/>
      <c r="S236" s="420"/>
      <c r="T236" s="242"/>
      <c r="U236" s="242"/>
      <c r="V236" s="242"/>
      <c r="W236" s="242"/>
      <c r="X236" s="242"/>
      <c r="Y236" s="242"/>
      <c r="Z236" s="242"/>
      <c r="AA236" s="242"/>
      <c r="AB236" s="242"/>
      <c r="AC236" s="242"/>
      <c r="AD236" s="242"/>
      <c r="AE236" s="242"/>
      <c r="AF236" s="242"/>
      <c r="AG236" s="242"/>
      <c r="AH236" s="242"/>
      <c r="AI236" s="242"/>
      <c r="AJ236" s="242"/>
      <c r="AK236" s="242"/>
      <c r="AL236" s="242"/>
      <c r="AM236" s="242"/>
      <c r="AN236" s="242"/>
      <c r="AO236" s="242"/>
      <c r="AP236" s="242"/>
      <c r="AQ236" s="242"/>
      <c r="AR236" s="242"/>
      <c r="AS236" s="242"/>
    </row>
    <row r="237" spans="1:45" ht="39" customHeight="1">
      <c r="A237" s="59"/>
      <c r="B237" s="415" t="s">
        <v>429</v>
      </c>
      <c r="C237" s="416"/>
      <c r="D237" s="416"/>
      <c r="E237" s="416"/>
      <c r="F237" s="416"/>
      <c r="G237" s="416"/>
      <c r="H237" s="416"/>
      <c r="I237" s="416"/>
      <c r="J237" s="417"/>
      <c r="K237" s="418" t="s">
        <v>430</v>
      </c>
      <c r="L237" s="419"/>
      <c r="M237" s="419"/>
      <c r="N237" s="419"/>
      <c r="O237" s="419"/>
      <c r="P237" s="419"/>
      <c r="Q237" s="419"/>
      <c r="R237" s="419"/>
      <c r="S237" s="419"/>
      <c r="W237" s="242"/>
      <c r="X237" s="242"/>
      <c r="Y237" s="242"/>
      <c r="Z237" s="242"/>
      <c r="AA237" s="242"/>
      <c r="AB237" s="242"/>
      <c r="AC237" s="242"/>
      <c r="AD237" s="242"/>
      <c r="AE237" s="242"/>
      <c r="AF237" s="242"/>
      <c r="AG237" s="242"/>
      <c r="AH237" s="242"/>
      <c r="AI237" s="242"/>
      <c r="AJ237" s="242"/>
      <c r="AK237" s="242"/>
      <c r="AL237" s="242"/>
      <c r="AM237" s="242"/>
      <c r="AN237" s="242"/>
      <c r="AO237" s="242"/>
      <c r="AP237" s="242"/>
      <c r="AQ237" s="242"/>
      <c r="AR237" s="242"/>
      <c r="AS237" s="242"/>
    </row>
    <row r="238" spans="1:45" ht="72">
      <c r="A238" s="32" t="s">
        <v>71</v>
      </c>
      <c r="B238" s="33" t="s">
        <v>72</v>
      </c>
      <c r="C238" s="33" t="s">
        <v>431</v>
      </c>
      <c r="D238" s="84" t="s">
        <v>143</v>
      </c>
      <c r="E238" s="33" t="s">
        <v>432</v>
      </c>
      <c r="F238" s="84" t="s">
        <v>144</v>
      </c>
      <c r="G238" s="33" t="s">
        <v>433</v>
      </c>
      <c r="H238" s="84" t="s">
        <v>117</v>
      </c>
      <c r="I238" s="33" t="s">
        <v>301</v>
      </c>
      <c r="J238" s="84" t="s">
        <v>315</v>
      </c>
      <c r="K238" s="60" t="s">
        <v>72</v>
      </c>
      <c r="L238" s="60" t="s">
        <v>431</v>
      </c>
      <c r="M238" s="83" t="s">
        <v>143</v>
      </c>
      <c r="N238" s="60" t="s">
        <v>432</v>
      </c>
      <c r="O238" s="83" t="s">
        <v>144</v>
      </c>
      <c r="P238" s="60" t="s">
        <v>433</v>
      </c>
      <c r="Q238" s="83" t="s">
        <v>117</v>
      </c>
      <c r="R238" s="60" t="s">
        <v>301</v>
      </c>
      <c r="S238" s="83" t="s">
        <v>315</v>
      </c>
      <c r="W238" s="242"/>
      <c r="X238" s="242"/>
      <c r="Y238" s="242"/>
      <c r="Z238" s="242"/>
      <c r="AA238" s="242"/>
      <c r="AB238" s="242"/>
      <c r="AC238" s="242"/>
      <c r="AD238" s="242"/>
      <c r="AE238" s="242"/>
      <c r="AF238" s="242"/>
      <c r="AG238" s="242"/>
      <c r="AH238" s="242"/>
      <c r="AI238" s="242"/>
      <c r="AJ238" s="242"/>
      <c r="AK238" s="242"/>
      <c r="AL238" s="242"/>
      <c r="AM238" s="242"/>
      <c r="AN238" s="242"/>
      <c r="AO238" s="242"/>
      <c r="AP238" s="242"/>
      <c r="AQ238" s="242"/>
      <c r="AR238" s="242"/>
      <c r="AS238" s="242"/>
    </row>
    <row r="239" spans="1:45" ht="72">
      <c r="A239" s="36"/>
      <c r="B239" s="37" t="s">
        <v>74</v>
      </c>
      <c r="C239" s="37" t="s">
        <v>159</v>
      </c>
      <c r="D239" s="86" t="s">
        <v>88</v>
      </c>
      <c r="E239" s="37" t="s">
        <v>160</v>
      </c>
      <c r="F239" s="86" t="s">
        <v>88</v>
      </c>
      <c r="G239" s="37" t="s">
        <v>161</v>
      </c>
      <c r="H239" s="86" t="s">
        <v>88</v>
      </c>
      <c r="I239" s="37" t="s">
        <v>301</v>
      </c>
      <c r="J239" s="86" t="s">
        <v>88</v>
      </c>
      <c r="K239" s="63" t="s">
        <v>74</v>
      </c>
      <c r="L239" s="63" t="s">
        <v>159</v>
      </c>
      <c r="M239" s="85" t="s">
        <v>88</v>
      </c>
      <c r="N239" s="63" t="s">
        <v>160</v>
      </c>
      <c r="O239" s="85" t="s">
        <v>88</v>
      </c>
      <c r="P239" s="63" t="s">
        <v>161</v>
      </c>
      <c r="Q239" s="85" t="s">
        <v>88</v>
      </c>
      <c r="R239" s="63" t="s">
        <v>301</v>
      </c>
      <c r="S239" s="85" t="s">
        <v>88</v>
      </c>
      <c r="W239" s="242"/>
      <c r="X239" s="242"/>
      <c r="Y239" s="242"/>
      <c r="Z239" s="242"/>
      <c r="AA239" s="242"/>
      <c r="AB239" s="242"/>
      <c r="AC239" s="242"/>
      <c r="AD239" s="242"/>
      <c r="AE239" s="242"/>
      <c r="AF239" s="242"/>
      <c r="AG239" s="242"/>
      <c r="AH239" s="242"/>
      <c r="AI239" s="242"/>
      <c r="AJ239" s="242"/>
      <c r="AK239" s="242"/>
      <c r="AL239" s="242"/>
      <c r="AM239" s="242"/>
      <c r="AN239" s="242"/>
      <c r="AO239" s="242"/>
      <c r="AP239" s="242"/>
      <c r="AQ239" s="242"/>
      <c r="AR239" s="242"/>
      <c r="AS239" s="242"/>
    </row>
    <row r="240" spans="1:45">
      <c r="A240" s="40" t="s">
        <v>350</v>
      </c>
      <c r="B240" s="40">
        <v>13823</v>
      </c>
      <c r="C240" s="313">
        <v>0.1449675895687571</v>
      </c>
      <c r="D240" s="314">
        <v>5.9899123419875321E-3</v>
      </c>
      <c r="E240" s="313">
        <v>0.12516355582310087</v>
      </c>
      <c r="F240" s="314">
        <v>5.6302738899209172E-3</v>
      </c>
      <c r="G240" s="313">
        <v>0.71704334011203941</v>
      </c>
      <c r="H240" s="314">
        <v>7.6617476168737708E-3</v>
      </c>
      <c r="I240" s="313">
        <v>1.2825514496109242E-2</v>
      </c>
      <c r="J240" s="314">
        <v>1.9241658205798801E-3</v>
      </c>
      <c r="K240" s="317">
        <v>13828</v>
      </c>
      <c r="L240" s="313">
        <v>0.16609066207296061</v>
      </c>
      <c r="M240" s="314">
        <v>6.3302460996892598E-3</v>
      </c>
      <c r="N240" s="313">
        <v>0.14647282108172721</v>
      </c>
      <c r="O240" s="314">
        <v>6.0145093680234827E-3</v>
      </c>
      <c r="P240" s="313">
        <v>0.59250635510264726</v>
      </c>
      <c r="Q240" s="314">
        <v>8.3560086833474757E-3</v>
      </c>
      <c r="R240" s="313">
        <v>9.4930161742680652E-2</v>
      </c>
      <c r="S240" s="314">
        <v>4.9873556751508603E-3</v>
      </c>
    </row>
    <row r="241" spans="1:19">
      <c r="A241" s="44" t="s">
        <v>351</v>
      </c>
      <c r="B241" s="44">
        <v>10154</v>
      </c>
      <c r="C241" s="194">
        <v>0.1889512126284949</v>
      </c>
      <c r="D241" s="92">
        <v>7.7701990274397269E-3</v>
      </c>
      <c r="E241" s="194">
        <v>0.1232411290671179</v>
      </c>
      <c r="F241" s="92">
        <v>6.5263191889328234E-3</v>
      </c>
      <c r="G241" s="194">
        <v>0.67715974238595034</v>
      </c>
      <c r="H241" s="92">
        <v>9.2787579436654413E-3</v>
      </c>
      <c r="I241" s="194">
        <v>1.0647915918430936E-2</v>
      </c>
      <c r="J241" s="92">
        <v>2.0548774836072069E-3</v>
      </c>
      <c r="K241" s="44">
        <v>10155</v>
      </c>
      <c r="L241" s="194">
        <v>0.21705472707273019</v>
      </c>
      <c r="M241" s="92">
        <v>8.1815458409246512E-3</v>
      </c>
      <c r="N241" s="194">
        <v>0.15128193866659398</v>
      </c>
      <c r="O241" s="92">
        <v>7.1128170804036755E-3</v>
      </c>
      <c r="P241" s="194">
        <v>0.55479633405969486</v>
      </c>
      <c r="Q241" s="92">
        <v>9.8617218955473346E-3</v>
      </c>
      <c r="R241" s="194">
        <v>7.6867000200978072E-2</v>
      </c>
      <c r="S241" s="92">
        <v>5.2909976602783159E-3</v>
      </c>
    </row>
    <row r="242" spans="1:19">
      <c r="A242" s="40" t="s">
        <v>352</v>
      </c>
      <c r="B242" s="40">
        <v>3669</v>
      </c>
      <c r="C242" s="313">
        <v>0.1090433664636099</v>
      </c>
      <c r="D242" s="314">
        <v>1.0303620458752962E-2</v>
      </c>
      <c r="E242" s="313">
        <v>0.12673372405574568</v>
      </c>
      <c r="F242" s="314">
        <v>1.0993430980410815E-2</v>
      </c>
      <c r="G242" s="313">
        <v>0.74961881169157574</v>
      </c>
      <c r="H242" s="314">
        <v>1.4302023550752958E-2</v>
      </c>
      <c r="I242" s="313">
        <v>1.4604097789070035E-2</v>
      </c>
      <c r="J242" s="314">
        <v>4.0287165092681527E-3</v>
      </c>
      <c r="K242" s="317">
        <v>3673</v>
      </c>
      <c r="L242" s="313">
        <v>0.12445309423105477</v>
      </c>
      <c r="M242" s="314">
        <v>1.0902749760087468E-2</v>
      </c>
      <c r="N242" s="313">
        <v>0.14254377892818759</v>
      </c>
      <c r="O242" s="314">
        <v>1.1544001126064542E-2</v>
      </c>
      <c r="P242" s="313">
        <v>0.62331538808503573</v>
      </c>
      <c r="Q242" s="314">
        <v>1.5982938348325766E-2</v>
      </c>
      <c r="R242" s="313">
        <v>0.10968773875572151</v>
      </c>
      <c r="S242" s="314">
        <v>1.032449371819859E-2</v>
      </c>
    </row>
    <row r="243" spans="1:19">
      <c r="A243" s="44" t="s">
        <v>555</v>
      </c>
      <c r="B243" s="44">
        <v>3593</v>
      </c>
      <c r="C243" s="194">
        <v>0.15083111070540364</v>
      </c>
      <c r="D243" s="92">
        <v>1.1947065755422644E-2</v>
      </c>
      <c r="E243" s="194">
        <v>0.11783259863895081</v>
      </c>
      <c r="F243" s="92">
        <v>1.0768250330209617E-2</v>
      </c>
      <c r="G243" s="194">
        <v>0.72032631941487368</v>
      </c>
      <c r="H243" s="92">
        <v>1.4971540707723975E-2</v>
      </c>
      <c r="I243" s="194">
        <v>1.1009971240779572E-2</v>
      </c>
      <c r="J243" s="92">
        <v>3.5636720135808495E-3</v>
      </c>
      <c r="K243" s="44">
        <v>3600</v>
      </c>
      <c r="L243" s="194">
        <v>0.16458349473423881</v>
      </c>
      <c r="M243" s="92">
        <v>1.236448681595115E-2</v>
      </c>
      <c r="N243" s="194">
        <v>0.14938339493905972</v>
      </c>
      <c r="O243" s="92">
        <v>1.1888341216833073E-2</v>
      </c>
      <c r="P243" s="194">
        <v>0.60309605276941125</v>
      </c>
      <c r="Q243" s="92">
        <v>1.6300275565464314E-2</v>
      </c>
      <c r="R243" s="194">
        <v>8.2937057557300631E-2</v>
      </c>
      <c r="S243" s="92">
        <v>9.2110773578094312E-3</v>
      </c>
    </row>
    <row r="244" spans="1:19">
      <c r="A244" s="40" t="s">
        <v>556</v>
      </c>
      <c r="B244" s="40">
        <v>2950</v>
      </c>
      <c r="C244" s="313">
        <v>0.19155701777522199</v>
      </c>
      <c r="D244" s="314">
        <v>1.4493030648913137E-2</v>
      </c>
      <c r="E244" s="313">
        <v>0.11010933001563443</v>
      </c>
      <c r="F244" s="314">
        <v>1.1542900572854307E-2</v>
      </c>
      <c r="G244" s="313">
        <v>0.69205467191620695</v>
      </c>
      <c r="H244" s="314">
        <v>1.6991567745365876E-2</v>
      </c>
      <c r="I244" s="313">
        <v>6.2789802929336539E-3</v>
      </c>
      <c r="J244" s="314">
        <v>3.0565108376087629E-3</v>
      </c>
      <c r="K244" s="317">
        <v>2959</v>
      </c>
      <c r="L244" s="313">
        <v>0.19985683528616022</v>
      </c>
      <c r="M244" s="314">
        <v>1.4704062150501372E-2</v>
      </c>
      <c r="N244" s="313">
        <v>0.14727460382637955</v>
      </c>
      <c r="O244" s="314">
        <v>1.3038041642789076E-2</v>
      </c>
      <c r="P244" s="313">
        <v>0.5842529053493577</v>
      </c>
      <c r="Q244" s="314">
        <v>1.8109078163162564E-2</v>
      </c>
      <c r="R244" s="313">
        <v>6.8615655538098813E-2</v>
      </c>
      <c r="S244" s="314">
        <v>9.3248025551696239E-3</v>
      </c>
    </row>
    <row r="245" spans="1:19">
      <c r="A245" s="44" t="s">
        <v>536</v>
      </c>
      <c r="B245" s="44">
        <v>327</v>
      </c>
      <c r="C245" s="194">
        <v>0.1749896032603187</v>
      </c>
      <c r="D245" s="92">
        <v>4.2134276687032617E-2</v>
      </c>
      <c r="E245" s="194">
        <v>0.10223801127225952</v>
      </c>
      <c r="F245" s="92">
        <v>3.398706220818816E-2</v>
      </c>
      <c r="G245" s="194">
        <v>0.71876043359285346</v>
      </c>
      <c r="H245" s="92">
        <v>4.9565304046446983E-2</v>
      </c>
      <c r="I245" s="194">
        <v>4.0119518745694617E-3</v>
      </c>
      <c r="J245" s="92">
        <v>1.0941011738914803E-2</v>
      </c>
      <c r="K245" s="44">
        <v>330</v>
      </c>
      <c r="L245" s="194">
        <v>0.13474973151008748</v>
      </c>
      <c r="M245" s="92">
        <v>3.787285737187094E-2</v>
      </c>
      <c r="N245" s="194">
        <v>0.1688895077395498</v>
      </c>
      <c r="O245" s="92">
        <v>4.1379807250433311E-2</v>
      </c>
      <c r="P245" s="194">
        <v>0.66379885257459992</v>
      </c>
      <c r="Q245" s="92">
        <v>5.1772038790041157E-2</v>
      </c>
      <c r="R245" s="194">
        <v>3.2561908175763578E-2</v>
      </c>
      <c r="S245" s="92">
        <v>2.096583645648634E-2</v>
      </c>
    </row>
    <row r="246" spans="1:19">
      <c r="A246" s="40" t="s">
        <v>537</v>
      </c>
      <c r="B246" s="40">
        <v>159</v>
      </c>
      <c r="C246" s="313">
        <v>0.12578194825526845</v>
      </c>
      <c r="D246" s="314">
        <v>5.3525890649414154E-2</v>
      </c>
      <c r="E246" s="313">
        <v>7.008199270876829E-2</v>
      </c>
      <c r="F246" s="314">
        <v>4.2651559516440979E-2</v>
      </c>
      <c r="G246" s="313">
        <v>0.79711267893282989</v>
      </c>
      <c r="H246" s="314">
        <v>6.3825578544565928E-2</v>
      </c>
      <c r="I246" s="313">
        <v>7.0233801031327012E-3</v>
      </c>
      <c r="J246" s="314">
        <v>2.1453533483766499E-2</v>
      </c>
      <c r="K246" s="317">
        <v>162</v>
      </c>
      <c r="L246" s="313">
        <v>8.6562889665265319E-2</v>
      </c>
      <c r="M246" s="314">
        <v>4.5841032208842038E-2</v>
      </c>
      <c r="N246" s="313">
        <v>0.14484711052389238</v>
      </c>
      <c r="O246" s="314">
        <v>5.5941431060915453E-2</v>
      </c>
      <c r="P246" s="313">
        <v>0.74091406152070594</v>
      </c>
      <c r="Q246" s="314">
        <v>6.8499195938735935E-2</v>
      </c>
      <c r="R246" s="313">
        <v>2.7675938290135961E-2</v>
      </c>
      <c r="S246" s="314">
        <v>3.0072912564166682E-2</v>
      </c>
    </row>
    <row r="247" spans="1:19">
      <c r="A247" s="44" t="s">
        <v>538</v>
      </c>
      <c r="B247" s="44">
        <v>88</v>
      </c>
      <c r="C247" s="194">
        <v>0.37465061394959759</v>
      </c>
      <c r="D247" s="92">
        <v>0.10121525293707653</v>
      </c>
      <c r="E247" s="194">
        <v>0.15115980380586935</v>
      </c>
      <c r="F247" s="92">
        <v>7.7645284528596994E-2</v>
      </c>
      <c r="G247" s="194">
        <v>0.47418958224453278</v>
      </c>
      <c r="H247" s="92">
        <v>0.10413003816566713</v>
      </c>
      <c r="I247" s="194">
        <v>0</v>
      </c>
      <c r="J247" s="92">
        <v>3.0407765486097187E-2</v>
      </c>
      <c r="K247" s="44">
        <v>88</v>
      </c>
      <c r="L247" s="194">
        <v>0.24073510776546314</v>
      </c>
      <c r="M247" s="92">
        <v>9.052977342540644E-2</v>
      </c>
      <c r="N247" s="194">
        <v>0.1900249299321139</v>
      </c>
      <c r="O247" s="92">
        <v>8.394848300731364E-2</v>
      </c>
      <c r="P247" s="194">
        <v>0.56740010598123414</v>
      </c>
      <c r="Q247" s="92">
        <v>0.10338691828981202</v>
      </c>
      <c r="R247" s="194">
        <v>1.8398563211885052E-3</v>
      </c>
      <c r="S247" s="92">
        <v>3.1586176345334269E-2</v>
      </c>
    </row>
    <row r="248" spans="1:19">
      <c r="A248" s="40" t="s">
        <v>539</v>
      </c>
      <c r="B248" s="40">
        <v>243</v>
      </c>
      <c r="C248" s="313">
        <v>0.30395368851506965</v>
      </c>
      <c r="D248" s="314">
        <v>5.8704032942824919E-2</v>
      </c>
      <c r="E248" s="313">
        <v>5.4182984185924966E-2</v>
      </c>
      <c r="F248" s="314">
        <v>3.0550257854094889E-2</v>
      </c>
      <c r="G248" s="313">
        <v>0.64186332729900286</v>
      </c>
      <c r="H248" s="314">
        <v>6.1099420786451739E-2</v>
      </c>
      <c r="I248" s="313">
        <v>0</v>
      </c>
      <c r="J248" s="314">
        <v>1.1404666915179629E-2</v>
      </c>
      <c r="K248" s="317">
        <v>244</v>
      </c>
      <c r="L248" s="313">
        <v>0.30873966926876883</v>
      </c>
      <c r="M248" s="314">
        <v>5.8831359068437374E-2</v>
      </c>
      <c r="N248" s="313">
        <v>0.18708914318684972</v>
      </c>
      <c r="O248" s="314">
        <v>5.0035441383091912E-2</v>
      </c>
      <c r="P248" s="313">
        <v>0.46409100162781003</v>
      </c>
      <c r="Q248" s="314">
        <v>6.3341344056854348E-2</v>
      </c>
      <c r="R248" s="313">
        <v>4.0080185916569123E-2</v>
      </c>
      <c r="S248" s="314">
        <v>2.7013187915659726E-2</v>
      </c>
    </row>
    <row r="249" spans="1:19">
      <c r="A249" s="44" t="s">
        <v>540</v>
      </c>
      <c r="B249" s="44">
        <v>81</v>
      </c>
      <c r="C249" s="194">
        <v>0.34734436923453932</v>
      </c>
      <c r="D249" s="92">
        <v>0.10377304304190199</v>
      </c>
      <c r="E249" s="194">
        <v>8.5611093681308648E-2</v>
      </c>
      <c r="F249" s="92">
        <v>6.6531997965930428E-2</v>
      </c>
      <c r="G249" s="194">
        <v>0.56704453708415203</v>
      </c>
      <c r="H249" s="92">
        <v>0.1075761031377624</v>
      </c>
      <c r="I249" s="194">
        <v>0</v>
      </c>
      <c r="J249" s="92">
        <v>3.2881805121991139E-2</v>
      </c>
      <c r="K249" s="44">
        <v>81</v>
      </c>
      <c r="L249" s="194">
        <v>0.48058069071580301</v>
      </c>
      <c r="M249" s="92">
        <v>0.10839091517630389</v>
      </c>
      <c r="N249" s="194">
        <v>0.20186863930386789</v>
      </c>
      <c r="O249" s="92">
        <v>8.9254758368318962E-2</v>
      </c>
      <c r="P249" s="194">
        <v>0.31755066998032916</v>
      </c>
      <c r="Q249" s="92">
        <v>0.1016965475964727</v>
      </c>
      <c r="R249" s="194">
        <v>0</v>
      </c>
      <c r="S249" s="92">
        <v>3.2881805121991139E-2</v>
      </c>
    </row>
    <row r="250" spans="1:19" ht="25.5">
      <c r="A250" s="40" t="s">
        <v>541</v>
      </c>
      <c r="B250" s="40">
        <v>91</v>
      </c>
      <c r="C250" s="313">
        <v>0.37914983244268508</v>
      </c>
      <c r="D250" s="314">
        <v>9.9810181883221979E-2</v>
      </c>
      <c r="E250" s="313">
        <v>5.0685257762967256E-2</v>
      </c>
      <c r="F250" s="314">
        <v>5.2217798126628412E-2</v>
      </c>
      <c r="G250" s="313">
        <v>0.57016490979434775</v>
      </c>
      <c r="H250" s="314">
        <v>0.10166668668131323</v>
      </c>
      <c r="I250" s="313">
        <v>0</v>
      </c>
      <c r="J250" s="314">
        <v>2.9457850911392545E-2</v>
      </c>
      <c r="K250" s="317">
        <v>92</v>
      </c>
      <c r="L250" s="313">
        <v>0.31406608751188836</v>
      </c>
      <c r="M250" s="314">
        <v>9.5361049004099308E-2</v>
      </c>
      <c r="N250" s="313">
        <v>0.23943788975526636</v>
      </c>
      <c r="O250" s="314">
        <v>8.8423044545126492E-2</v>
      </c>
      <c r="P250" s="313">
        <v>0.40682601881820984</v>
      </c>
      <c r="Q250" s="314">
        <v>0.10042140098159127</v>
      </c>
      <c r="R250" s="313">
        <v>3.9670003914635529E-2</v>
      </c>
      <c r="S250" s="314">
        <v>4.8039501296153142E-2</v>
      </c>
    </row>
    <row r="251" spans="1:19">
      <c r="A251" s="44" t="s">
        <v>542</v>
      </c>
      <c r="B251" s="44">
        <v>71</v>
      </c>
      <c r="C251" s="194">
        <v>0.17429966550470083</v>
      </c>
      <c r="D251" s="92">
        <v>9.0901507706669785E-2</v>
      </c>
      <c r="E251" s="194">
        <v>2.5196746383223043E-2</v>
      </c>
      <c r="F251" s="92">
        <v>5.0579235765042793E-2</v>
      </c>
      <c r="G251" s="194">
        <v>0.800503588112076</v>
      </c>
      <c r="H251" s="92">
        <v>9.4959076109887533E-2</v>
      </c>
      <c r="I251" s="194">
        <v>0</v>
      </c>
      <c r="J251" s="92">
        <v>3.7206132509255738E-2</v>
      </c>
      <c r="K251" s="44">
        <v>71</v>
      </c>
      <c r="L251" s="194">
        <v>0.12278679269140415</v>
      </c>
      <c r="M251" s="92">
        <v>8.082344209735981E-2</v>
      </c>
      <c r="N251" s="194">
        <v>0.11223197865759689</v>
      </c>
      <c r="O251" s="92">
        <v>7.8399690554042681E-2</v>
      </c>
      <c r="P251" s="194">
        <v>0.68247338874581087</v>
      </c>
      <c r="Q251" s="92">
        <v>0.10835998841530574</v>
      </c>
      <c r="R251" s="194">
        <v>8.2507839905187605E-2</v>
      </c>
      <c r="S251" s="92">
        <v>7.0728204212801363E-2</v>
      </c>
    </row>
    <row r="252" spans="1:19">
      <c r="A252" s="40" t="s">
        <v>543</v>
      </c>
      <c r="B252" s="40">
        <v>473</v>
      </c>
      <c r="C252" s="313">
        <v>0.19216831735361861</v>
      </c>
      <c r="D252" s="314">
        <v>3.626391309094202E-2</v>
      </c>
      <c r="E252" s="313">
        <v>0.11553276892476891</v>
      </c>
      <c r="F252" s="314">
        <v>2.9624290589480025E-2</v>
      </c>
      <c r="G252" s="313">
        <v>0.68355228930131828</v>
      </c>
      <c r="H252" s="314">
        <v>4.264536059345949E-2</v>
      </c>
      <c r="I252" s="313">
        <v>8.7466244202953885E-3</v>
      </c>
      <c r="J252" s="314">
        <v>1.0320081491444026E-2</v>
      </c>
      <c r="K252" s="317">
        <v>474</v>
      </c>
      <c r="L252" s="313">
        <v>0.19599913653657391</v>
      </c>
      <c r="M252" s="314">
        <v>3.6490810841307161E-2</v>
      </c>
      <c r="N252" s="313">
        <v>0.12015836384181121</v>
      </c>
      <c r="O252" s="314">
        <v>3.0080081468227007E-2</v>
      </c>
      <c r="P252" s="313">
        <v>0.5881100968874432</v>
      </c>
      <c r="Q252" s="314">
        <v>4.5035179032256671E-2</v>
      </c>
      <c r="R252" s="313">
        <v>9.5732402734173494E-2</v>
      </c>
      <c r="S252" s="314">
        <v>2.7335132821062431E-2</v>
      </c>
    </row>
    <row r="253" spans="1:19">
      <c r="A253" s="44" t="s">
        <v>616</v>
      </c>
      <c r="B253" s="44">
        <v>243</v>
      </c>
      <c r="C253" s="194">
        <v>0.2210991981592981</v>
      </c>
      <c r="D253" s="92">
        <v>5.319177989853438E-2</v>
      </c>
      <c r="E253" s="194">
        <v>0.11270831055893804</v>
      </c>
      <c r="F253" s="92">
        <v>4.1201380241578302E-2</v>
      </c>
      <c r="G253" s="194">
        <v>0.66124799950818125</v>
      </c>
      <c r="H253" s="92">
        <v>6.0341054799319081E-2</v>
      </c>
      <c r="I253" s="194">
        <v>4.9444917735800998E-3</v>
      </c>
      <c r="J253" s="92">
        <v>1.4393870905410687E-2</v>
      </c>
      <c r="K253" s="44">
        <v>245</v>
      </c>
      <c r="L253" s="194">
        <v>0.27652531304615574</v>
      </c>
      <c r="M253" s="92">
        <v>5.6915452630340091E-2</v>
      </c>
      <c r="N253" s="194">
        <v>0.13638679782035001</v>
      </c>
      <c r="O253" s="92">
        <v>4.4269923654687654E-2</v>
      </c>
      <c r="P253" s="194">
        <v>0.50745342726229881</v>
      </c>
      <c r="Q253" s="92">
        <v>6.3365607959878181E-2</v>
      </c>
      <c r="R253" s="194">
        <v>7.963446187119301E-2</v>
      </c>
      <c r="S253" s="92">
        <v>3.5607082128615339E-2</v>
      </c>
    </row>
    <row r="254" spans="1:19">
      <c r="A254" s="40" t="s">
        <v>544</v>
      </c>
      <c r="B254" s="40">
        <v>230</v>
      </c>
      <c r="C254" s="313">
        <v>0.16634813729947026</v>
      </c>
      <c r="D254" s="314">
        <v>4.9346124299858247E-2</v>
      </c>
      <c r="E254" s="313">
        <v>0.11805353640678967</v>
      </c>
      <c r="F254" s="314">
        <v>4.3177575606410605E-2</v>
      </c>
      <c r="G254" s="313">
        <v>0.70345838142159389</v>
      </c>
      <c r="H254" s="314">
        <v>5.9915583845219597E-2</v>
      </c>
      <c r="I254" s="313">
        <v>1.2139944872145101E-2</v>
      </c>
      <c r="J254" s="314">
        <v>1.8517732697155655E-2</v>
      </c>
      <c r="K254" s="317">
        <v>229</v>
      </c>
      <c r="L254" s="313">
        <v>0.12327727308824507</v>
      </c>
      <c r="M254" s="314">
        <v>4.4027098687678116E-2</v>
      </c>
      <c r="N254" s="313">
        <v>0.10550273245681524</v>
      </c>
      <c r="O254" s="314">
        <v>4.1365012525876974E-2</v>
      </c>
      <c r="P254" s="313">
        <v>0.66094980651873714</v>
      </c>
      <c r="Q254" s="314">
        <v>6.2147127343332019E-2</v>
      </c>
      <c r="R254" s="313">
        <v>0.11027018793620134</v>
      </c>
      <c r="S254" s="314">
        <v>4.2107769579894073E-2</v>
      </c>
    </row>
    <row r="255" spans="1:19">
      <c r="A255" s="44" t="s">
        <v>545</v>
      </c>
      <c r="B255" s="44">
        <v>111</v>
      </c>
      <c r="C255" s="194">
        <v>0.1179360271642326</v>
      </c>
      <c r="D255" s="92">
        <v>6.2971395409858286E-2</v>
      </c>
      <c r="E255" s="194">
        <v>9.4733999649685999E-2</v>
      </c>
      <c r="F255" s="92">
        <v>5.8081260648188603E-2</v>
      </c>
      <c r="G255" s="194">
        <v>0.77655881223379652</v>
      </c>
      <c r="H255" s="92">
        <v>7.8848973949737833E-2</v>
      </c>
      <c r="I255" s="194">
        <v>1.07711609522845E-2</v>
      </c>
      <c r="J255" s="92">
        <v>3.0654117245578361E-2</v>
      </c>
      <c r="K255" s="44">
        <v>111</v>
      </c>
      <c r="L255" s="194">
        <v>0.12912345834169309</v>
      </c>
      <c r="M255" s="92">
        <v>6.510268384605554E-2</v>
      </c>
      <c r="N255" s="194">
        <v>0.20387618496576607</v>
      </c>
      <c r="O255" s="92">
        <v>7.651194239222163E-2</v>
      </c>
      <c r="P255" s="194">
        <v>0.6165129488962795</v>
      </c>
      <c r="Q255" s="92">
        <v>9.0861131574999948E-2</v>
      </c>
      <c r="R255" s="194">
        <v>5.0487407796261173E-2</v>
      </c>
      <c r="S255" s="92">
        <v>4.6344804655626376E-2</v>
      </c>
    </row>
    <row r="256" spans="1:19">
      <c r="A256" s="40" t="s">
        <v>546</v>
      </c>
      <c r="B256" s="40">
        <v>289</v>
      </c>
      <c r="C256" s="313">
        <v>0.24015264959827326</v>
      </c>
      <c r="D256" s="314">
        <v>5.0161559806986493E-2</v>
      </c>
      <c r="E256" s="313">
        <v>0.11929742482931982</v>
      </c>
      <c r="F256" s="314">
        <v>3.8574566221408139E-2</v>
      </c>
      <c r="G256" s="313">
        <v>0.64012092445211755</v>
      </c>
      <c r="H256" s="314">
        <v>5.614444386377275E-2</v>
      </c>
      <c r="I256" s="313">
        <v>4.2900112029231976E-4</v>
      </c>
      <c r="J256" s="314">
        <v>9.9119218813183106E-3</v>
      </c>
      <c r="K256" s="317">
        <v>287</v>
      </c>
      <c r="L256" s="313">
        <v>0.27007485089344901</v>
      </c>
      <c r="M256" s="314">
        <v>5.2245493240026718E-2</v>
      </c>
      <c r="N256" s="313">
        <v>0.14874349901853373</v>
      </c>
      <c r="O256" s="314">
        <v>4.2270196080906909E-2</v>
      </c>
      <c r="P256" s="313">
        <v>0.55262009012363056</v>
      </c>
      <c r="Q256" s="314">
        <v>5.8304417755844079E-2</v>
      </c>
      <c r="R256" s="313">
        <v>2.8561559964389631E-2</v>
      </c>
      <c r="S256" s="314">
        <v>2.1559120265511933E-2</v>
      </c>
    </row>
    <row r="257" spans="1:45">
      <c r="A257" s="44" t="s">
        <v>557</v>
      </c>
      <c r="B257" s="44">
        <v>112</v>
      </c>
      <c r="C257" s="194">
        <v>0.21666929592208548</v>
      </c>
      <c r="D257" s="92">
        <v>7.7718447299278001E-2</v>
      </c>
      <c r="E257" s="194">
        <v>0.18020362570448259</v>
      </c>
      <c r="F257" s="92">
        <v>7.3028515520585188E-2</v>
      </c>
      <c r="G257" s="194">
        <v>0.60312707837343271</v>
      </c>
      <c r="H257" s="92">
        <v>9.0987991153558531E-2</v>
      </c>
      <c r="I257" s="194">
        <v>0</v>
      </c>
      <c r="J257" s="92">
        <v>2.4171880321350918E-2</v>
      </c>
      <c r="K257" s="44">
        <v>111</v>
      </c>
      <c r="L257" s="194">
        <v>0.24986785386889257</v>
      </c>
      <c r="M257" s="92">
        <v>8.165902358843713E-2</v>
      </c>
      <c r="N257" s="194">
        <v>0.12476899798205351</v>
      </c>
      <c r="O257" s="92">
        <v>6.4289026128823382E-2</v>
      </c>
      <c r="P257" s="194">
        <v>0.60732852751731115</v>
      </c>
      <c r="Q257" s="92">
        <v>9.1226998503399881E-2</v>
      </c>
      <c r="R257" s="194">
        <v>1.8034620631743398E-2</v>
      </c>
      <c r="S257" s="92">
        <v>3.4179927448430486E-2</v>
      </c>
    </row>
    <row r="258" spans="1:45">
      <c r="A258" s="40" t="s">
        <v>558</v>
      </c>
      <c r="B258" s="40">
        <v>114</v>
      </c>
      <c r="C258" s="313">
        <v>0.32417656404918843</v>
      </c>
      <c r="D258" s="314">
        <v>8.6582272561399887E-2</v>
      </c>
      <c r="E258" s="313">
        <v>8.5329456912005081E-2</v>
      </c>
      <c r="F258" s="314">
        <v>5.5083447174351777E-2</v>
      </c>
      <c r="G258" s="313">
        <v>0.59049397903880685</v>
      </c>
      <c r="H258" s="314">
        <v>9.0639278898667741E-2</v>
      </c>
      <c r="I258" s="313">
        <v>0</v>
      </c>
      <c r="J258" s="314">
        <v>2.3765720057393202E-2</v>
      </c>
      <c r="K258" s="317">
        <v>114</v>
      </c>
      <c r="L258" s="313">
        <v>0.33256548715091788</v>
      </c>
      <c r="M258" s="314">
        <v>8.7106811777384302E-2</v>
      </c>
      <c r="N258" s="313">
        <v>0.13436139736733785</v>
      </c>
      <c r="O258" s="314">
        <v>6.5151355560317301E-2</v>
      </c>
      <c r="P258" s="313">
        <v>0.51588882884186293</v>
      </c>
      <c r="Q258" s="314">
        <v>9.2014068675335736E-2</v>
      </c>
      <c r="R258" s="313">
        <v>1.718428663988162E-2</v>
      </c>
      <c r="S258" s="314">
        <v>3.3153600766541447E-2</v>
      </c>
    </row>
    <row r="259" spans="1:45">
      <c r="A259" s="44" t="s">
        <v>549</v>
      </c>
      <c r="B259" s="44">
        <v>63</v>
      </c>
      <c r="C259" s="194">
        <v>0.14500828881895225</v>
      </c>
      <c r="D259" s="92">
        <v>9.0958011495696323E-2</v>
      </c>
      <c r="E259" s="194">
        <v>6.7523341546615351E-2</v>
      </c>
      <c r="F259" s="92">
        <v>7.1081184236174308E-2</v>
      </c>
      <c r="G259" s="194">
        <v>0.7855901803819425</v>
      </c>
      <c r="H259" s="92">
        <v>0.10305374846441988</v>
      </c>
      <c r="I259" s="194">
        <v>1.8781892524897665E-3</v>
      </c>
      <c r="J259" s="92">
        <v>4.2753847673585539E-2</v>
      </c>
      <c r="K259" s="44">
        <v>62</v>
      </c>
      <c r="L259" s="194">
        <v>0.20298452190367938</v>
      </c>
      <c r="M259" s="92">
        <v>0.1021439526241857</v>
      </c>
      <c r="N259" s="194">
        <v>0.21522263204686445</v>
      </c>
      <c r="O259" s="92">
        <v>0.10399127242857935</v>
      </c>
      <c r="P259" s="194">
        <v>0.51568752660391848</v>
      </c>
      <c r="Q259" s="92">
        <v>0.12303801523553175</v>
      </c>
      <c r="R259" s="194">
        <v>6.6105319445537575E-2</v>
      </c>
      <c r="S259" s="92">
        <v>7.1292756779546593E-2</v>
      </c>
    </row>
    <row r="260" spans="1:45">
      <c r="A260" s="40" t="s">
        <v>550</v>
      </c>
      <c r="B260" s="40">
        <v>162</v>
      </c>
      <c r="C260" s="313">
        <v>0.18330677263918452</v>
      </c>
      <c r="D260" s="314">
        <v>6.1011679667914626E-2</v>
      </c>
      <c r="E260" s="313">
        <v>0.16618984929891156</v>
      </c>
      <c r="F260" s="314">
        <v>5.8880349623687024E-2</v>
      </c>
      <c r="G260" s="313">
        <v>0.65050337806190361</v>
      </c>
      <c r="H260" s="314">
        <v>7.419076816723906E-2</v>
      </c>
      <c r="I260" s="313">
        <v>0</v>
      </c>
      <c r="J260" s="314">
        <v>1.6935763699852214E-2</v>
      </c>
      <c r="K260" s="317">
        <v>162</v>
      </c>
      <c r="L260" s="313">
        <v>0.24173780886003032</v>
      </c>
      <c r="M260" s="314">
        <v>6.7032870834246763E-2</v>
      </c>
      <c r="N260" s="313">
        <v>0.14956189919226662</v>
      </c>
      <c r="O260" s="314">
        <v>5.6619685463801632E-2</v>
      </c>
      <c r="P260" s="313">
        <v>0.54367605743108538</v>
      </c>
      <c r="Q260" s="314">
        <v>7.7332520446302969E-2</v>
      </c>
      <c r="R260" s="313">
        <v>6.5024234516617346E-2</v>
      </c>
      <c r="S260" s="314">
        <v>4.1012629825029678E-2</v>
      </c>
    </row>
    <row r="261" spans="1:45">
      <c r="A261" s="44" t="s">
        <v>551</v>
      </c>
      <c r="B261" s="44">
        <v>665</v>
      </c>
      <c r="C261" s="194">
        <v>0.12463332808702861</v>
      </c>
      <c r="D261" s="92">
        <v>2.5736357818671934E-2</v>
      </c>
      <c r="E261" s="194">
        <v>0.12543083592135287</v>
      </c>
      <c r="F261" s="92">
        <v>2.5804911200886179E-2</v>
      </c>
      <c r="G261" s="194">
        <v>0.73586792726449535</v>
      </c>
      <c r="H261" s="92">
        <v>3.4148152353476145E-2</v>
      </c>
      <c r="I261" s="194">
        <v>1.4067908727130419E-2</v>
      </c>
      <c r="J261" s="92">
        <v>9.9881060158005207E-3</v>
      </c>
      <c r="K261" s="44">
        <v>664</v>
      </c>
      <c r="L261" s="194">
        <v>0.14264255965467437</v>
      </c>
      <c r="M261" s="92">
        <v>2.7229395231831533E-2</v>
      </c>
      <c r="N261" s="194">
        <v>0.15154539904721165</v>
      </c>
      <c r="O261" s="92">
        <v>2.7903724172945361E-2</v>
      </c>
      <c r="P261" s="194">
        <v>0.61148278419772373</v>
      </c>
      <c r="Q261" s="92">
        <v>3.7728940783892224E-2</v>
      </c>
      <c r="R261" s="194">
        <v>9.4329257100396205E-2</v>
      </c>
      <c r="S261" s="92">
        <v>2.2876422865397202E-2</v>
      </c>
    </row>
    <row r="262" spans="1:45">
      <c r="P262" s="242"/>
      <c r="Q262" s="242"/>
      <c r="R262" s="242"/>
      <c r="S262" s="242"/>
      <c r="T262" s="242"/>
      <c r="U262" s="242"/>
      <c r="V262" s="242"/>
      <c r="W262" s="242"/>
      <c r="X262" s="242"/>
      <c r="Y262" s="242"/>
      <c r="Z262" s="242"/>
      <c r="AA262" s="242"/>
      <c r="AB262" s="242"/>
      <c r="AC262" s="242"/>
      <c r="AD262" s="242"/>
      <c r="AE262" s="242"/>
      <c r="AF262" s="242"/>
      <c r="AG262" s="242"/>
      <c r="AH262" s="242"/>
      <c r="AI262" s="242"/>
      <c r="AJ262" s="242"/>
      <c r="AK262" s="242"/>
      <c r="AL262" s="242"/>
      <c r="AM262" s="242"/>
      <c r="AN262" s="242"/>
      <c r="AO262" s="242"/>
      <c r="AP262" s="242"/>
      <c r="AQ262" s="242"/>
      <c r="AR262" s="242"/>
      <c r="AS262" s="242"/>
    </row>
    <row r="263" spans="1:45">
      <c r="P263" s="242"/>
      <c r="Q263" s="242"/>
      <c r="R263" s="242"/>
      <c r="S263" s="242"/>
      <c r="T263" s="242"/>
      <c r="U263" s="242"/>
      <c r="V263" s="242"/>
      <c r="W263" s="242"/>
      <c r="X263" s="242"/>
      <c r="Y263" s="242"/>
      <c r="Z263" s="242"/>
      <c r="AA263" s="242"/>
      <c r="AB263" s="242"/>
      <c r="AC263" s="242"/>
      <c r="AD263" s="242"/>
      <c r="AE263" s="242"/>
      <c r="AF263" s="242"/>
      <c r="AG263" s="242"/>
      <c r="AH263" s="242"/>
      <c r="AI263" s="242"/>
      <c r="AJ263" s="242"/>
      <c r="AK263" s="242"/>
      <c r="AL263" s="242"/>
      <c r="AM263" s="242"/>
      <c r="AN263" s="242"/>
      <c r="AO263" s="242"/>
      <c r="AP263" s="242"/>
      <c r="AQ263" s="242"/>
      <c r="AR263" s="242"/>
      <c r="AS263" s="242"/>
    </row>
    <row r="264" spans="1:45" ht="18.75">
      <c r="A264" s="423" t="s">
        <v>355</v>
      </c>
      <c r="B264" s="423"/>
      <c r="C264" s="423"/>
      <c r="D264" s="423"/>
    </row>
    <row r="265" spans="1:45" ht="85.5" customHeight="1">
      <c r="A265" s="414" t="s">
        <v>612</v>
      </c>
      <c r="B265" s="414"/>
      <c r="C265" s="414"/>
      <c r="D265" s="414"/>
    </row>
    <row r="266" spans="1:45" ht="36" customHeight="1">
      <c r="A266" s="397" t="s">
        <v>241</v>
      </c>
      <c r="B266" s="397"/>
      <c r="C266" s="397"/>
      <c r="D266" s="397"/>
    </row>
    <row r="267" spans="1:45" ht="40.5" customHeight="1">
      <c r="A267" s="32" t="s">
        <v>71</v>
      </c>
      <c r="B267" s="33" t="s">
        <v>72</v>
      </c>
      <c r="C267" s="34" t="s">
        <v>592</v>
      </c>
      <c r="D267" s="35" t="s">
        <v>73</v>
      </c>
    </row>
    <row r="268" spans="1:45" ht="72">
      <c r="A268" s="36"/>
      <c r="B268" s="37" t="s">
        <v>74</v>
      </c>
      <c r="C268" s="123" t="s">
        <v>242</v>
      </c>
      <c r="D268" s="39" t="s">
        <v>76</v>
      </c>
    </row>
    <row r="269" spans="1:45">
      <c r="A269" s="40" t="s">
        <v>350</v>
      </c>
      <c r="B269" s="201">
        <v>13336</v>
      </c>
      <c r="C269" s="202">
        <v>5.0078707272273473</v>
      </c>
      <c r="D269" s="203">
        <v>3.0424742860847169E-2</v>
      </c>
    </row>
    <row r="270" spans="1:45">
      <c r="A270" s="44" t="s">
        <v>351</v>
      </c>
      <c r="B270" s="44">
        <v>9776</v>
      </c>
      <c r="C270" s="205">
        <v>4.6624899340711865</v>
      </c>
      <c r="D270" s="206">
        <v>3.6540269743475663E-2</v>
      </c>
    </row>
    <row r="271" spans="1:45">
      <c r="A271" s="40" t="s">
        <v>352</v>
      </c>
      <c r="B271" s="48">
        <v>3560</v>
      </c>
      <c r="C271" s="202">
        <v>5.2895581924058508</v>
      </c>
      <c r="D271" s="203">
        <v>4.7369388098030055E-2</v>
      </c>
    </row>
    <row r="272" spans="1:45">
      <c r="A272" s="44" t="s">
        <v>555</v>
      </c>
      <c r="B272" s="44">
        <v>3478</v>
      </c>
      <c r="C272" s="205">
        <v>4.9274704429908169</v>
      </c>
      <c r="D272" s="206">
        <v>6.1272854728200932E-2</v>
      </c>
    </row>
    <row r="273" spans="1:4">
      <c r="A273" s="40" t="s">
        <v>556</v>
      </c>
      <c r="B273" s="48">
        <v>2856</v>
      </c>
      <c r="C273" s="202">
        <v>4.4993081321804844</v>
      </c>
      <c r="D273" s="203">
        <v>6.7998725877500429E-2</v>
      </c>
    </row>
    <row r="274" spans="1:4">
      <c r="A274" s="44" t="s">
        <v>536</v>
      </c>
      <c r="B274" s="44">
        <v>313</v>
      </c>
      <c r="C274" s="205">
        <v>4.7571647922111104</v>
      </c>
      <c r="D274" s="206">
        <v>0.20343655051976875</v>
      </c>
    </row>
    <row r="275" spans="1:4">
      <c r="A275" s="40" t="s">
        <v>537</v>
      </c>
      <c r="B275" s="48">
        <v>156</v>
      </c>
      <c r="C275" s="202">
        <v>4.9193486309296262</v>
      </c>
      <c r="D275" s="203">
        <v>0.24386097128388179</v>
      </c>
    </row>
    <row r="276" spans="1:4">
      <c r="A276" s="44" t="s">
        <v>538</v>
      </c>
      <c r="B276" s="44">
        <v>81</v>
      </c>
      <c r="C276" s="205">
        <v>3.9950269647140013</v>
      </c>
      <c r="D276" s="206">
        <v>0.4086759879172463</v>
      </c>
    </row>
    <row r="277" spans="1:4">
      <c r="A277" s="40" t="s">
        <v>539</v>
      </c>
      <c r="B277" s="48">
        <v>239</v>
      </c>
      <c r="C277" s="202">
        <v>4.1488377313175295</v>
      </c>
      <c r="D277" s="203">
        <v>0.22979073403077696</v>
      </c>
    </row>
    <row r="278" spans="1:4">
      <c r="A278" s="44" t="s">
        <v>540</v>
      </c>
      <c r="B278" s="44">
        <v>81</v>
      </c>
      <c r="C278" s="205">
        <v>3.6765474934065461</v>
      </c>
      <c r="D278" s="206">
        <v>0.35290773558667582</v>
      </c>
    </row>
    <row r="279" spans="1:4" ht="25.5">
      <c r="A279" s="40" t="s">
        <v>541</v>
      </c>
      <c r="B279" s="201">
        <v>89</v>
      </c>
      <c r="C279" s="202">
        <v>3.9716682488485895</v>
      </c>
      <c r="D279" s="203">
        <v>0.36789649241444111</v>
      </c>
    </row>
    <row r="280" spans="1:4">
      <c r="A280" s="44" t="s">
        <v>542</v>
      </c>
      <c r="B280" s="204">
        <v>69</v>
      </c>
      <c r="C280" s="205">
        <v>4.8233796900813326</v>
      </c>
      <c r="D280" s="206">
        <v>0.45763446848412992</v>
      </c>
    </row>
    <row r="281" spans="1:4">
      <c r="A281" s="40" t="s">
        <v>543</v>
      </c>
      <c r="B281" s="78">
        <v>456</v>
      </c>
      <c r="C281" s="202">
        <v>4.6064670930965566</v>
      </c>
      <c r="D281" s="203">
        <v>0.16553793083165369</v>
      </c>
    </row>
    <row r="282" spans="1:4">
      <c r="A282" s="44" t="s">
        <v>616</v>
      </c>
      <c r="B282" s="204">
        <v>234</v>
      </c>
      <c r="C282" s="205">
        <v>4.5913057744421346</v>
      </c>
      <c r="D282" s="206">
        <v>0.24622606589513849</v>
      </c>
    </row>
    <row r="283" spans="1:4">
      <c r="A283" s="52" t="s">
        <v>544</v>
      </c>
      <c r="B283" s="201">
        <v>222</v>
      </c>
      <c r="C283" s="202">
        <v>4.6200065604503768</v>
      </c>
      <c r="D283" s="203">
        <v>0.21838268024442928</v>
      </c>
    </row>
    <row r="284" spans="1:4">
      <c r="A284" s="44" t="s">
        <v>545</v>
      </c>
      <c r="B284" s="204">
        <v>106</v>
      </c>
      <c r="C284" s="205">
        <v>4.6861618897445725</v>
      </c>
      <c r="D284" s="206">
        <v>0.35456020555270418</v>
      </c>
    </row>
    <row r="285" spans="1:4">
      <c r="A285" s="52" t="s">
        <v>546</v>
      </c>
      <c r="B285" s="201">
        <v>269</v>
      </c>
      <c r="C285" s="202">
        <v>4.1786422550908737</v>
      </c>
      <c r="D285" s="203">
        <v>0.2240357978419481</v>
      </c>
    </row>
    <row r="286" spans="1:4">
      <c r="A286" s="44" t="s">
        <v>557</v>
      </c>
      <c r="B286" s="204">
        <v>103</v>
      </c>
      <c r="C286" s="205">
        <v>4.4094728433325727</v>
      </c>
      <c r="D286" s="206">
        <v>0.36629674791360173</v>
      </c>
    </row>
    <row r="287" spans="1:4">
      <c r="A287" s="52" t="s">
        <v>558</v>
      </c>
      <c r="B287" s="201">
        <v>107</v>
      </c>
      <c r="C287" s="202">
        <v>3.7400865281775197</v>
      </c>
      <c r="D287" s="203">
        <v>0.34083447584067583</v>
      </c>
    </row>
    <row r="288" spans="1:4">
      <c r="A288" s="44" t="s">
        <v>549</v>
      </c>
      <c r="B288" s="204">
        <v>59</v>
      </c>
      <c r="C288" s="205">
        <v>4.4937461248310226</v>
      </c>
      <c r="D288" s="206">
        <v>0.48269128496508412</v>
      </c>
    </row>
    <row r="289" spans="1:49">
      <c r="A289" s="52" t="s">
        <v>550</v>
      </c>
      <c r="B289" s="201">
        <v>160</v>
      </c>
      <c r="C289" s="202">
        <v>3.973530402386888</v>
      </c>
      <c r="D289" s="203">
        <v>0.28054612743488488</v>
      </c>
    </row>
    <row r="290" spans="1:49">
      <c r="A290" s="44" t="s">
        <v>551</v>
      </c>
      <c r="B290" s="204">
        <v>646</v>
      </c>
      <c r="C290" s="205">
        <v>5.2182560463398042</v>
      </c>
      <c r="D290" s="206">
        <v>0.11549523777667821</v>
      </c>
    </row>
    <row r="291" spans="1:49" s="238" customFormat="1">
      <c r="A291" s="231"/>
      <c r="B291" s="245"/>
      <c r="C291" s="246"/>
      <c r="D291" s="247"/>
    </row>
    <row r="292" spans="1:49" s="238" customFormat="1">
      <c r="A292" s="231"/>
      <c r="B292" s="245"/>
      <c r="C292" s="246"/>
      <c r="D292" s="247"/>
    </row>
    <row r="293" spans="1:49" ht="18.75">
      <c r="A293" s="343" t="s">
        <v>67</v>
      </c>
      <c r="B293" s="343"/>
      <c r="C293" s="343"/>
      <c r="D293" s="343"/>
      <c r="E293" s="343"/>
      <c r="F293" s="343"/>
      <c r="G293" s="343"/>
      <c r="H293" s="343"/>
      <c r="I293" s="343"/>
      <c r="J293" s="343"/>
      <c r="K293" s="343"/>
      <c r="L293" s="343"/>
      <c r="M293" s="343"/>
      <c r="N293" s="343"/>
      <c r="O293" s="343"/>
      <c r="P293" s="343"/>
      <c r="Q293" s="343"/>
      <c r="R293" s="343"/>
      <c r="S293" s="343"/>
      <c r="T293" s="224"/>
      <c r="U293" s="224"/>
      <c r="V293" s="224"/>
      <c r="W293" s="224"/>
      <c r="X293" s="224"/>
      <c r="Y293" s="224"/>
      <c r="Z293" s="224"/>
      <c r="AA293" s="224"/>
      <c r="AB293" s="224"/>
      <c r="AC293" s="224"/>
      <c r="AD293" s="224"/>
      <c r="AE293" s="224"/>
      <c r="AF293" s="224"/>
      <c r="AG293" s="224"/>
      <c r="AH293" s="224"/>
      <c r="AI293" s="224"/>
      <c r="AJ293" s="224"/>
      <c r="AK293" s="242"/>
      <c r="AL293" s="242"/>
      <c r="AM293" s="242"/>
      <c r="AN293" s="242"/>
      <c r="AO293" s="242"/>
      <c r="AP293" s="242"/>
      <c r="AQ293" s="242"/>
      <c r="AR293" s="242"/>
      <c r="AS293" s="242"/>
    </row>
    <row r="294" spans="1:49" ht="67.5" customHeight="1">
      <c r="A294" s="425" t="s">
        <v>423</v>
      </c>
      <c r="B294" s="425"/>
      <c r="C294" s="425"/>
      <c r="D294" s="425"/>
      <c r="E294" s="425"/>
      <c r="F294" s="425"/>
      <c r="G294" s="425"/>
      <c r="H294" s="425"/>
      <c r="I294" s="425"/>
      <c r="J294" s="425"/>
      <c r="K294" s="425"/>
      <c r="L294" s="425"/>
      <c r="M294" s="425"/>
      <c r="N294" s="425"/>
      <c r="O294" s="425"/>
      <c r="P294" s="425"/>
      <c r="Q294" s="425"/>
      <c r="R294" s="425"/>
      <c r="S294" s="425"/>
      <c r="T294" s="243"/>
      <c r="U294" s="243"/>
      <c r="V294" s="243"/>
      <c r="W294" s="243"/>
      <c r="X294" s="243"/>
      <c r="Y294" s="243"/>
      <c r="Z294" s="243"/>
      <c r="AA294" s="243"/>
      <c r="AB294" s="243"/>
      <c r="AC294" s="243"/>
      <c r="AD294" s="243"/>
      <c r="AE294" s="243"/>
      <c r="AF294" s="243"/>
      <c r="AG294" s="243"/>
      <c r="AH294" s="243"/>
      <c r="AI294" s="243"/>
      <c r="AJ294" s="243"/>
      <c r="AK294" s="242"/>
      <c r="AL294" s="242"/>
      <c r="AM294" s="242"/>
      <c r="AN294" s="242"/>
      <c r="AO294" s="242"/>
      <c r="AP294" s="242"/>
      <c r="AQ294" s="242"/>
      <c r="AR294" s="242"/>
      <c r="AS294" s="242"/>
    </row>
    <row r="295" spans="1:49" ht="33" customHeight="1">
      <c r="A295" s="59"/>
      <c r="B295" s="392" t="s">
        <v>240</v>
      </c>
      <c r="C295" s="393"/>
      <c r="D295" s="393"/>
      <c r="E295" s="393"/>
      <c r="F295" s="393"/>
      <c r="G295" s="393"/>
      <c r="H295" s="393"/>
      <c r="I295" s="393"/>
      <c r="J295" s="394"/>
      <c r="K295" s="392" t="s">
        <v>424</v>
      </c>
      <c r="L295" s="393"/>
      <c r="M295" s="393"/>
      <c r="N295" s="393"/>
      <c r="O295" s="393"/>
      <c r="P295" s="393"/>
      <c r="Q295" s="393"/>
      <c r="R295" s="393"/>
      <c r="S295" s="394"/>
      <c r="T295" s="242"/>
      <c r="U295" s="242"/>
      <c r="V295" s="242"/>
      <c r="W295" s="242"/>
      <c r="X295" s="242"/>
      <c r="Y295" s="242"/>
      <c r="Z295" s="242"/>
      <c r="AA295" s="242"/>
      <c r="AB295" s="242"/>
      <c r="AC295" s="242"/>
      <c r="AD295" s="242"/>
      <c r="AE295" s="242"/>
      <c r="AF295" s="242"/>
      <c r="AG295" s="242"/>
      <c r="AH295" s="242"/>
      <c r="AI295" s="242"/>
      <c r="AJ295" s="242"/>
      <c r="AK295" s="242"/>
      <c r="AL295" s="242"/>
      <c r="AM295" s="242"/>
      <c r="AN295" s="242"/>
      <c r="AO295" s="242"/>
      <c r="AP295" s="242"/>
      <c r="AQ295" s="242"/>
      <c r="AR295" s="242"/>
      <c r="AS295" s="242"/>
      <c r="AT295" s="242"/>
      <c r="AU295" s="242"/>
      <c r="AV295" s="242"/>
      <c r="AW295" s="242"/>
    </row>
    <row r="296" spans="1:49" ht="41.25" customHeight="1">
      <c r="A296" s="32" t="s">
        <v>71</v>
      </c>
      <c r="B296" s="33" t="s">
        <v>72</v>
      </c>
      <c r="C296" s="33" t="s">
        <v>312</v>
      </c>
      <c r="D296" s="84" t="s">
        <v>143</v>
      </c>
      <c r="E296" s="33" t="s">
        <v>313</v>
      </c>
      <c r="F296" s="84" t="s">
        <v>144</v>
      </c>
      <c r="G296" s="33" t="s">
        <v>314</v>
      </c>
      <c r="H296" s="84" t="s">
        <v>117</v>
      </c>
      <c r="I296" s="33" t="s">
        <v>301</v>
      </c>
      <c r="J296" s="84" t="s">
        <v>315</v>
      </c>
      <c r="K296" s="60" t="s">
        <v>72</v>
      </c>
      <c r="L296" s="60" t="s">
        <v>312</v>
      </c>
      <c r="M296" s="83" t="s">
        <v>143</v>
      </c>
      <c r="N296" s="60" t="s">
        <v>313</v>
      </c>
      <c r="O296" s="83" t="s">
        <v>144</v>
      </c>
      <c r="P296" s="60" t="s">
        <v>314</v>
      </c>
      <c r="Q296" s="244" t="s">
        <v>117</v>
      </c>
      <c r="R296" s="258" t="s">
        <v>301</v>
      </c>
      <c r="S296" s="83" t="s">
        <v>315</v>
      </c>
      <c r="T296" s="242"/>
      <c r="U296" s="242"/>
      <c r="V296" s="242"/>
      <c r="W296" s="242"/>
      <c r="X296" s="242"/>
      <c r="Y296" s="242"/>
      <c r="Z296" s="242"/>
      <c r="AA296" s="242"/>
      <c r="AB296" s="242"/>
      <c r="AC296" s="242"/>
      <c r="AD296" s="242"/>
      <c r="AE296" s="242"/>
      <c r="AF296" s="242"/>
      <c r="AG296" s="242"/>
      <c r="AH296" s="242"/>
      <c r="AI296" s="242"/>
      <c r="AJ296" s="242"/>
      <c r="AK296" s="242"/>
      <c r="AL296" s="242"/>
      <c r="AM296" s="242"/>
      <c r="AN296" s="242"/>
      <c r="AO296" s="242"/>
      <c r="AP296" s="242"/>
      <c r="AQ296" s="242"/>
      <c r="AR296" s="242"/>
      <c r="AS296" s="242"/>
      <c r="AT296" s="242"/>
      <c r="AU296" s="242"/>
      <c r="AV296" s="242"/>
      <c r="AW296" s="242"/>
    </row>
    <row r="297" spans="1:49" ht="72">
      <c r="A297" s="36"/>
      <c r="B297" s="37" t="s">
        <v>74</v>
      </c>
      <c r="C297" s="37" t="s">
        <v>159</v>
      </c>
      <c r="D297" s="86" t="s">
        <v>88</v>
      </c>
      <c r="E297" s="37" t="s">
        <v>160</v>
      </c>
      <c r="F297" s="86" t="s">
        <v>88</v>
      </c>
      <c r="G297" s="37" t="s">
        <v>161</v>
      </c>
      <c r="H297" s="86" t="s">
        <v>88</v>
      </c>
      <c r="I297" s="37" t="s">
        <v>301</v>
      </c>
      <c r="J297" s="86" t="s">
        <v>88</v>
      </c>
      <c r="K297" s="63" t="s">
        <v>74</v>
      </c>
      <c r="L297" s="63" t="s">
        <v>159</v>
      </c>
      <c r="M297" s="85" t="s">
        <v>88</v>
      </c>
      <c r="N297" s="63" t="s">
        <v>160</v>
      </c>
      <c r="O297" s="85" t="s">
        <v>88</v>
      </c>
      <c r="P297" s="63" t="s">
        <v>161</v>
      </c>
      <c r="Q297" s="255" t="s">
        <v>88</v>
      </c>
      <c r="R297" s="259" t="s">
        <v>301</v>
      </c>
      <c r="S297" s="85" t="s">
        <v>88</v>
      </c>
    </row>
    <row r="298" spans="1:49">
      <c r="A298" s="40" t="s">
        <v>350</v>
      </c>
      <c r="B298" s="197">
        <v>13878</v>
      </c>
      <c r="C298" s="199">
        <v>0.16339033606008055</v>
      </c>
      <c r="D298" s="89">
        <v>6.2774358812823922E-3</v>
      </c>
      <c r="E298" s="199">
        <v>0.11431845030675639</v>
      </c>
      <c r="F298" s="89">
        <v>5.4036185174879065E-3</v>
      </c>
      <c r="G298" s="199">
        <v>0.70621469489153232</v>
      </c>
      <c r="H298" s="89">
        <v>7.7323771471404035E-3</v>
      </c>
      <c r="I298" s="199">
        <v>1.6076518741640532E-2</v>
      </c>
      <c r="J298" s="89">
        <v>2.1440019009182566E-3</v>
      </c>
      <c r="K298" s="197">
        <v>13866</v>
      </c>
      <c r="L298" s="199">
        <v>0.24246825328875521</v>
      </c>
      <c r="M298" s="89">
        <v>7.2788846876738781E-3</v>
      </c>
      <c r="N298" s="199">
        <v>0.12754606611305092</v>
      </c>
      <c r="O298" s="89">
        <v>5.6669921283084594E-3</v>
      </c>
      <c r="P298" s="199">
        <v>0.60806084817354888</v>
      </c>
      <c r="Q298" s="256">
        <v>8.2905004196120579E-3</v>
      </c>
      <c r="R298" s="199">
        <v>2.1924832424661145E-2</v>
      </c>
      <c r="S298" s="89">
        <v>2.4944606318117587E-3</v>
      </c>
    </row>
    <row r="299" spans="1:49">
      <c r="A299" s="44" t="s">
        <v>351</v>
      </c>
      <c r="B299" s="198">
        <v>10196</v>
      </c>
      <c r="C299" s="200">
        <v>0.23298116959314863</v>
      </c>
      <c r="D299" s="92">
        <v>8.3726176962051844E-3</v>
      </c>
      <c r="E299" s="200">
        <v>0.1241100937099985</v>
      </c>
      <c r="F299" s="92">
        <v>6.5325001919750202E-3</v>
      </c>
      <c r="G299" s="200">
        <v>0.63229273388527618</v>
      </c>
      <c r="H299" s="92">
        <v>9.548890838625694E-3</v>
      </c>
      <c r="I299" s="200">
        <v>1.0616002811573835E-2</v>
      </c>
      <c r="J299" s="92">
        <v>2.0475817406493324E-3</v>
      </c>
      <c r="K299" s="198">
        <v>10178</v>
      </c>
      <c r="L299" s="200">
        <v>0.3143579821918957</v>
      </c>
      <c r="M299" s="92">
        <v>9.2024121563617778E-3</v>
      </c>
      <c r="N299" s="200">
        <v>0.13257185010653613</v>
      </c>
      <c r="O299" s="92">
        <v>6.7244385260997967E-3</v>
      </c>
      <c r="P299" s="200">
        <v>0.52882796947341926</v>
      </c>
      <c r="Q299" s="257">
        <v>9.8937510362868426E-3</v>
      </c>
      <c r="R299" s="200">
        <v>2.4242198228148513E-2</v>
      </c>
      <c r="S299" s="92">
        <v>3.0598250757300693E-3</v>
      </c>
    </row>
    <row r="300" spans="1:49">
      <c r="A300" s="40" t="s">
        <v>352</v>
      </c>
      <c r="B300" s="197">
        <v>3682</v>
      </c>
      <c r="C300" s="199">
        <v>0.10648612487476335</v>
      </c>
      <c r="D300" s="89">
        <v>1.0179226080639958E-2</v>
      </c>
      <c r="E300" s="199">
        <v>0.10631185352120638</v>
      </c>
      <c r="F300" s="89">
        <v>1.0171926721082273E-2</v>
      </c>
      <c r="G300" s="199">
        <v>0.76666045573060715</v>
      </c>
      <c r="H300" s="89">
        <v>1.3939114491659028E-2</v>
      </c>
      <c r="I300" s="199">
        <v>2.0541565873423859E-2</v>
      </c>
      <c r="J300" s="89">
        <v>4.730187941488751E-3</v>
      </c>
      <c r="K300" s="197">
        <v>3688</v>
      </c>
      <c r="L300" s="199">
        <v>0.18394347093250465</v>
      </c>
      <c r="M300" s="89">
        <v>1.2761866073402827E-2</v>
      </c>
      <c r="N300" s="199">
        <v>0.12345462052163975</v>
      </c>
      <c r="O300" s="89">
        <v>1.0843146443311287E-2</v>
      </c>
      <c r="P300" s="199">
        <v>0.67256362279981263</v>
      </c>
      <c r="Q300" s="256">
        <v>1.5448733445202551E-2</v>
      </c>
      <c r="R300" s="199">
        <v>2.0038285746043338E-2</v>
      </c>
      <c r="S300" s="89">
        <v>4.6706993838929569E-3</v>
      </c>
    </row>
    <row r="301" spans="1:49">
      <c r="A301" s="44" t="s">
        <v>555</v>
      </c>
      <c r="B301" s="198">
        <v>3609</v>
      </c>
      <c r="C301" s="200">
        <v>0.17754984127297224</v>
      </c>
      <c r="D301" s="92">
        <v>1.2724855101026895E-2</v>
      </c>
      <c r="E301" s="200">
        <v>0.12592119287034645</v>
      </c>
      <c r="F301" s="92">
        <v>1.1054289310472748E-2</v>
      </c>
      <c r="G301" s="200">
        <v>0.68195721610338811</v>
      </c>
      <c r="H301" s="92">
        <v>1.5498536683816526E-2</v>
      </c>
      <c r="I301" s="200">
        <v>1.4571749753301355E-2</v>
      </c>
      <c r="J301" s="92">
        <v>4.0589193226439422E-3</v>
      </c>
      <c r="K301" s="198">
        <v>3606</v>
      </c>
      <c r="L301" s="200">
        <v>0.25194806531193797</v>
      </c>
      <c r="M301" s="92">
        <v>1.4456219748508237E-2</v>
      </c>
      <c r="N301" s="200">
        <v>0.13332824354391154</v>
      </c>
      <c r="O301" s="92">
        <v>1.1329837255783527E-2</v>
      </c>
      <c r="P301" s="200">
        <v>0.59713998254154499</v>
      </c>
      <c r="Q301" s="257">
        <v>1.6327151337691147E-2</v>
      </c>
      <c r="R301" s="200">
        <v>1.7583708602617126E-2</v>
      </c>
      <c r="S301" s="92">
        <v>4.4398062397289287E-3</v>
      </c>
    </row>
    <row r="302" spans="1:49">
      <c r="A302" s="40" t="s">
        <v>556</v>
      </c>
      <c r="B302" s="197">
        <v>2965</v>
      </c>
      <c r="C302" s="199">
        <v>0.26773157960664157</v>
      </c>
      <c r="D302" s="89">
        <v>1.625813361980109E-2</v>
      </c>
      <c r="E302" s="199">
        <v>0.11823031559023459</v>
      </c>
      <c r="F302" s="89">
        <v>1.187361100069026E-2</v>
      </c>
      <c r="G302" s="199">
        <v>0.60439923666946005</v>
      </c>
      <c r="H302" s="89">
        <v>1.7949074610097225E-2</v>
      </c>
      <c r="I302" s="199">
        <v>9.6388681336609296E-3</v>
      </c>
      <c r="J302" s="89">
        <v>3.7058263333816202E-3</v>
      </c>
      <c r="K302" s="197">
        <v>2961</v>
      </c>
      <c r="L302" s="199">
        <v>0.3481102907924864</v>
      </c>
      <c r="M302" s="89">
        <v>1.749937977256584E-2</v>
      </c>
      <c r="N302" s="199">
        <v>0.13990706220448842</v>
      </c>
      <c r="O302" s="89">
        <v>1.2759690974174996E-2</v>
      </c>
      <c r="P302" s="199">
        <v>0.49310192341109099</v>
      </c>
      <c r="Q302" s="256">
        <v>1.8363118136900013E-2</v>
      </c>
      <c r="R302" s="199">
        <v>1.8880723591929331E-2</v>
      </c>
      <c r="S302" s="89">
        <v>5.0825729099035939E-3</v>
      </c>
    </row>
    <row r="303" spans="1:49">
      <c r="A303" s="44" t="s">
        <v>536</v>
      </c>
      <c r="B303" s="198">
        <v>329</v>
      </c>
      <c r="C303" s="200">
        <v>0.19087158885392669</v>
      </c>
      <c r="D303" s="92">
        <v>4.3388264822728263E-2</v>
      </c>
      <c r="E303" s="200">
        <v>0.13381317916646501</v>
      </c>
      <c r="F303" s="92">
        <v>3.7825156883509521E-2</v>
      </c>
      <c r="G303" s="200">
        <v>0.66032332609018729</v>
      </c>
      <c r="H303" s="92">
        <v>5.1977152007523154E-2</v>
      </c>
      <c r="I303" s="200">
        <v>1.4991905889422442E-2</v>
      </c>
      <c r="J303" s="92">
        <v>1.5647946239073056E-2</v>
      </c>
      <c r="K303" s="198">
        <v>331</v>
      </c>
      <c r="L303" s="200">
        <v>0.29815599241265706</v>
      </c>
      <c r="M303" s="92">
        <v>5.0101521722735645E-2</v>
      </c>
      <c r="N303" s="200">
        <v>0.15575884937672979</v>
      </c>
      <c r="O303" s="92">
        <v>4.0046395942148968E-2</v>
      </c>
      <c r="P303" s="200">
        <v>0.50299350265860776</v>
      </c>
      <c r="Q303" s="257">
        <v>5.4634880516668594E-2</v>
      </c>
      <c r="R303" s="200">
        <v>4.3091655552007474E-2</v>
      </c>
      <c r="S303" s="92">
        <v>2.3484625498600507E-2</v>
      </c>
    </row>
    <row r="304" spans="1:49">
      <c r="A304" s="40" t="s">
        <v>537</v>
      </c>
      <c r="B304" s="197">
        <v>161</v>
      </c>
      <c r="C304" s="199">
        <v>0.12911491168739059</v>
      </c>
      <c r="D304" s="89">
        <v>5.3718182703258781E-2</v>
      </c>
      <c r="E304" s="199">
        <v>0.13924666247592282</v>
      </c>
      <c r="F304" s="89">
        <v>5.5287788619974569E-2</v>
      </c>
      <c r="G304" s="199">
        <v>0.71681975428578415</v>
      </c>
      <c r="H304" s="89">
        <v>7.0537482480076352E-2</v>
      </c>
      <c r="I304" s="199">
        <v>1.4818671550902225E-2</v>
      </c>
      <c r="J304" s="89">
        <v>2.5044983800387135E-2</v>
      </c>
      <c r="K304" s="197">
        <v>164</v>
      </c>
      <c r="L304" s="199">
        <v>0.3208276761430402</v>
      </c>
      <c r="M304" s="89">
        <v>7.2277207856479564E-2</v>
      </c>
      <c r="N304" s="199">
        <v>0.12635501175650163</v>
      </c>
      <c r="O304" s="89">
        <v>5.2770482633138285E-2</v>
      </c>
      <c r="P304" s="199">
        <v>0.52880190007969707</v>
      </c>
      <c r="Q304" s="256">
        <v>7.7029598924598347E-2</v>
      </c>
      <c r="R304" s="199">
        <v>2.4015412020760456E-2</v>
      </c>
      <c r="S304" s="89">
        <v>2.8493470657922251E-2</v>
      </c>
    </row>
    <row r="305" spans="1:19">
      <c r="A305" s="44" t="s">
        <v>538</v>
      </c>
      <c r="B305" s="198">
        <v>89</v>
      </c>
      <c r="C305" s="200">
        <v>0.33061657921734366</v>
      </c>
      <c r="D305" s="92">
        <v>9.8094578449753445E-2</v>
      </c>
      <c r="E305" s="200">
        <v>0.19764644170174039</v>
      </c>
      <c r="F305" s="92">
        <v>8.4567742372340715E-2</v>
      </c>
      <c r="G305" s="200">
        <v>0.45979731274291041</v>
      </c>
      <c r="H305" s="92">
        <v>0.10338773179952945</v>
      </c>
      <c r="I305" s="200">
        <v>1.1939666338004851E-2</v>
      </c>
      <c r="J305" s="92">
        <v>3.7010329499332466E-2</v>
      </c>
      <c r="K305" s="198">
        <v>88</v>
      </c>
      <c r="L305" s="200">
        <v>0.2942532152119911</v>
      </c>
      <c r="M305" s="92">
        <v>9.5841640033558412E-2</v>
      </c>
      <c r="N305" s="200">
        <v>0.24350704185141858</v>
      </c>
      <c r="O305" s="92">
        <v>9.0843331300286101E-2</v>
      </c>
      <c r="P305" s="200">
        <v>0.34386771307206487</v>
      </c>
      <c r="Q305" s="257">
        <v>9.9497955316485878E-2</v>
      </c>
      <c r="R305" s="200">
        <v>0.1183720298645245</v>
      </c>
      <c r="S305" s="92">
        <v>7.124639440643972E-2</v>
      </c>
    </row>
    <row r="306" spans="1:19">
      <c r="A306" s="40" t="s">
        <v>539</v>
      </c>
      <c r="B306" s="197">
        <v>244</v>
      </c>
      <c r="C306" s="199">
        <v>0.35429731092130728</v>
      </c>
      <c r="D306" s="89">
        <v>6.0834256447858892E-2</v>
      </c>
      <c r="E306" s="199">
        <v>0.10996165631544243</v>
      </c>
      <c r="F306" s="89">
        <v>4.0707043647005101E-2</v>
      </c>
      <c r="G306" s="199">
        <v>0.52795602239246453</v>
      </c>
      <c r="H306" s="89">
        <v>6.3403911098389776E-2</v>
      </c>
      <c r="I306" s="199">
        <v>7.785010370783778E-3</v>
      </c>
      <c r="J306" s="89">
        <v>1.5799509405007045E-2</v>
      </c>
      <c r="K306" s="197">
        <v>245</v>
      </c>
      <c r="L306" s="199">
        <v>0.39676783694419809</v>
      </c>
      <c r="M306" s="89">
        <v>6.2050990833157335E-2</v>
      </c>
      <c r="N306" s="199">
        <v>0.12944162473594983</v>
      </c>
      <c r="O306" s="89">
        <v>4.3365030304434234E-2</v>
      </c>
      <c r="P306" s="199">
        <v>0.45740118537101532</v>
      </c>
      <c r="Q306" s="256">
        <v>6.314936396072536E-2</v>
      </c>
      <c r="R306" s="199">
        <v>1.6389352948834538E-2</v>
      </c>
      <c r="S306" s="89">
        <v>1.9460424311719349E-2</v>
      </c>
    </row>
    <row r="307" spans="1:19">
      <c r="A307" s="44" t="s">
        <v>540</v>
      </c>
      <c r="B307" s="198">
        <v>82</v>
      </c>
      <c r="C307" s="200">
        <v>0.38009502960295161</v>
      </c>
      <c r="D307" s="92">
        <v>0.10497599051133658</v>
      </c>
      <c r="E307" s="200">
        <v>0.1625410400259851</v>
      </c>
      <c r="F307" s="92">
        <v>8.2537784647883805E-2</v>
      </c>
      <c r="G307" s="200">
        <v>0.45736393037106315</v>
      </c>
      <c r="H307" s="92">
        <v>0.1074757590549858</v>
      </c>
      <c r="I307" s="200">
        <v>0</v>
      </c>
      <c r="J307" s="92">
        <v>3.2504011252172456E-2</v>
      </c>
      <c r="K307" s="198">
        <v>82</v>
      </c>
      <c r="L307" s="200">
        <v>0.53837956285912814</v>
      </c>
      <c r="M307" s="92">
        <v>0.10754357580662362</v>
      </c>
      <c r="N307" s="200">
        <v>0.12259953200015145</v>
      </c>
      <c r="O307" s="92">
        <v>7.4867376357990248E-2</v>
      </c>
      <c r="P307" s="200">
        <v>0.31549706010623046</v>
      </c>
      <c r="Q307" s="257">
        <v>0.10093784831332575</v>
      </c>
      <c r="R307" s="200">
        <v>2.3523845034489895E-2</v>
      </c>
      <c r="S307" s="92">
        <v>4.5031440858488717E-2</v>
      </c>
    </row>
    <row r="308" spans="1:19" ht="25.5">
      <c r="A308" s="40" t="s">
        <v>541</v>
      </c>
      <c r="B308" s="197">
        <v>91</v>
      </c>
      <c r="C308" s="199">
        <v>0.36767752671464954</v>
      </c>
      <c r="D308" s="89">
        <v>9.9246462763951729E-2</v>
      </c>
      <c r="E308" s="199">
        <v>0.1356616735997791</v>
      </c>
      <c r="F308" s="89">
        <v>7.3470526800613042E-2</v>
      </c>
      <c r="G308" s="199">
        <v>0.47462015839185367</v>
      </c>
      <c r="H308" s="89">
        <v>0.10247648556828652</v>
      </c>
      <c r="I308" s="199">
        <v>2.2040641293717952E-2</v>
      </c>
      <c r="J308" s="89">
        <v>4.1237355528811227E-2</v>
      </c>
      <c r="K308" s="197">
        <v>92</v>
      </c>
      <c r="L308" s="199">
        <v>0.38334327848637073</v>
      </c>
      <c r="M308" s="89">
        <v>9.9478148530744936E-2</v>
      </c>
      <c r="N308" s="199">
        <v>0.19796325238774495</v>
      </c>
      <c r="O308" s="89">
        <v>8.322099278262482E-2</v>
      </c>
      <c r="P308" s="199">
        <v>0.39696536581935438</v>
      </c>
      <c r="Q308" s="256">
        <v>0.10005209296382364</v>
      </c>
      <c r="R308" s="199">
        <v>2.1728103306529939E-2</v>
      </c>
      <c r="S308" s="89">
        <v>4.0784427388618136E-2</v>
      </c>
    </row>
    <row r="309" spans="1:19">
      <c r="A309" s="44" t="s">
        <v>542</v>
      </c>
      <c r="B309" s="198">
        <v>71</v>
      </c>
      <c r="C309" s="200">
        <v>0.31230365578726732</v>
      </c>
      <c r="D309" s="92">
        <v>0.10793275207740875</v>
      </c>
      <c r="E309" s="200">
        <v>2.6129238120745923E-2</v>
      </c>
      <c r="F309" s="92">
        <v>5.099550009230007E-2</v>
      </c>
      <c r="G309" s="200">
        <v>0.66156710609198655</v>
      </c>
      <c r="H309" s="92">
        <v>0.10993482632338429</v>
      </c>
      <c r="I309" s="200">
        <v>0</v>
      </c>
      <c r="J309" s="92">
        <v>3.7206132509255738E-2</v>
      </c>
      <c r="K309" s="198">
        <v>71</v>
      </c>
      <c r="L309" s="200">
        <v>0.26361721553513023</v>
      </c>
      <c r="M309" s="92">
        <v>0.10326004323426231</v>
      </c>
      <c r="N309" s="200">
        <v>5.8880800766640602E-2</v>
      </c>
      <c r="O309" s="92">
        <v>6.3504842171165157E-2</v>
      </c>
      <c r="P309" s="200">
        <v>0.67464427190569654</v>
      </c>
      <c r="Q309" s="257">
        <v>0.108974864530757</v>
      </c>
      <c r="R309" s="200">
        <v>2.8577117925324669E-3</v>
      </c>
      <c r="S309" s="92">
        <v>3.8993506952508875E-2</v>
      </c>
    </row>
    <row r="310" spans="1:19">
      <c r="A310" s="40" t="s">
        <v>543</v>
      </c>
      <c r="B310" s="197">
        <v>475</v>
      </c>
      <c r="C310" s="199">
        <v>0.25290181940421513</v>
      </c>
      <c r="D310" s="89">
        <v>3.9828230457340047E-2</v>
      </c>
      <c r="E310" s="199">
        <v>7.7313790744925892E-2</v>
      </c>
      <c r="F310" s="89">
        <v>2.4910336611007187E-2</v>
      </c>
      <c r="G310" s="199">
        <v>0.65326472651459755</v>
      </c>
      <c r="H310" s="89">
        <v>4.3529137807922225E-2</v>
      </c>
      <c r="I310" s="199">
        <v>1.6519663336262723E-2</v>
      </c>
      <c r="J310" s="89">
        <v>1.2966790402915509E-2</v>
      </c>
      <c r="K310" s="197">
        <v>473</v>
      </c>
      <c r="L310" s="199">
        <v>0.34862651284813045</v>
      </c>
      <c r="M310" s="89">
        <v>4.3674876257431675E-2</v>
      </c>
      <c r="N310" s="199">
        <v>0.12626835097911518</v>
      </c>
      <c r="O310" s="89">
        <v>3.0736234449816741E-2</v>
      </c>
      <c r="P310" s="199">
        <v>0.5027798150251177</v>
      </c>
      <c r="Q310" s="256">
        <v>4.5786158838346268E-2</v>
      </c>
      <c r="R310" s="199">
        <v>2.2325321147639063E-2</v>
      </c>
      <c r="S310" s="89">
        <v>1.4662566146537052E-2</v>
      </c>
    </row>
    <row r="311" spans="1:19">
      <c r="A311" s="44" t="s">
        <v>616</v>
      </c>
      <c r="B311" s="198">
        <v>245</v>
      </c>
      <c r="C311" s="200">
        <v>0.28185378355141877</v>
      </c>
      <c r="D311" s="92">
        <v>5.7236053473994387E-2</v>
      </c>
      <c r="E311" s="200">
        <v>7.1247253549660647E-2</v>
      </c>
      <c r="F311" s="92">
        <v>3.4016247811243579E-2</v>
      </c>
      <c r="G311" s="200">
        <v>0.63205953999812015</v>
      </c>
      <c r="H311" s="92">
        <v>6.1195071559358452E-2</v>
      </c>
      <c r="I311" s="200">
        <v>1.4839422900798017E-2</v>
      </c>
      <c r="J311" s="92">
        <v>1.8850886808256705E-2</v>
      </c>
      <c r="K311" s="198">
        <v>244</v>
      </c>
      <c r="L311" s="200">
        <v>0.3492329166698282</v>
      </c>
      <c r="M311" s="92">
        <v>6.0641280269254624E-2</v>
      </c>
      <c r="N311" s="200">
        <v>0.10238974516096284</v>
      </c>
      <c r="O311" s="92">
        <v>3.9546779465823051E-2</v>
      </c>
      <c r="P311" s="200">
        <v>0.52478032586203083</v>
      </c>
      <c r="Q311" s="257">
        <v>6.3424527696411284E-2</v>
      </c>
      <c r="R311" s="200">
        <v>2.359701230717532E-2</v>
      </c>
      <c r="S311" s="92">
        <v>2.2107667182007795E-2</v>
      </c>
    </row>
    <row r="312" spans="1:19">
      <c r="A312" s="52" t="s">
        <v>544</v>
      </c>
      <c r="B312" s="197">
        <v>230</v>
      </c>
      <c r="C312" s="199">
        <v>0.22672320792437489</v>
      </c>
      <c r="D312" s="89">
        <v>5.5137922228153974E-2</v>
      </c>
      <c r="E312" s="199">
        <v>8.2799205118035596E-2</v>
      </c>
      <c r="F312" s="89">
        <v>3.7403616576341975E-2</v>
      </c>
      <c r="G312" s="199">
        <v>0.6724386359719936</v>
      </c>
      <c r="H312" s="89">
        <v>6.1501554717592374E-2</v>
      </c>
      <c r="I312" s="199">
        <v>1.8038950985594521E-2</v>
      </c>
      <c r="J312" s="89">
        <v>2.0913778658919427E-2</v>
      </c>
      <c r="K312" s="197">
        <v>229</v>
      </c>
      <c r="L312" s="199">
        <v>0.34807940223676831</v>
      </c>
      <c r="M312" s="89">
        <v>6.2522891494722066E-2</v>
      </c>
      <c r="N312" s="199">
        <v>0.14781214433943538</v>
      </c>
      <c r="O312" s="89">
        <v>4.7275271882632558E-2</v>
      </c>
      <c r="P312" s="199">
        <v>0.48293047947757228</v>
      </c>
      <c r="Q312" s="256">
        <v>6.5475290974452288E-2</v>
      </c>
      <c r="R312" s="199">
        <v>2.1177973946221975E-2</v>
      </c>
      <c r="S312" s="89">
        <v>2.2132587824198264E-2</v>
      </c>
    </row>
    <row r="313" spans="1:19">
      <c r="A313" s="44" t="s">
        <v>545</v>
      </c>
      <c r="B313" s="198">
        <v>112</v>
      </c>
      <c r="C313" s="200">
        <v>0.23738835477812095</v>
      </c>
      <c r="D313" s="92">
        <v>8.0023556603539894E-2</v>
      </c>
      <c r="E313" s="200">
        <v>0.13448492369481671</v>
      </c>
      <c r="F313" s="92">
        <v>6.5772269007011469E-2</v>
      </c>
      <c r="G313" s="200">
        <v>0.61267215722804269</v>
      </c>
      <c r="H313" s="92">
        <v>9.0623398082342613E-2</v>
      </c>
      <c r="I313" s="200">
        <v>1.5454564299019164E-2</v>
      </c>
      <c r="J313" s="92">
        <v>3.2762766532334536E-2</v>
      </c>
      <c r="K313" s="198">
        <v>111</v>
      </c>
      <c r="L313" s="200">
        <v>0.33094020342386188</v>
      </c>
      <c r="M313" s="92">
        <v>8.8144637104652965E-2</v>
      </c>
      <c r="N313" s="200">
        <v>0.12035577629475819</v>
      </c>
      <c r="O313" s="92">
        <v>6.3443862869872275E-2</v>
      </c>
      <c r="P313" s="200">
        <v>0.53960318413809094</v>
      </c>
      <c r="Q313" s="257">
        <v>9.2977565733457598E-2</v>
      </c>
      <c r="R313" s="200">
        <v>9.1008361432885904E-3</v>
      </c>
      <c r="S313" s="92">
        <v>2.9776225225319967E-2</v>
      </c>
    </row>
    <row r="314" spans="1:19">
      <c r="A314" s="52" t="s">
        <v>546</v>
      </c>
      <c r="B314" s="197">
        <v>288</v>
      </c>
      <c r="C314" s="199">
        <v>0.3507112818722436</v>
      </c>
      <c r="D314" s="89">
        <v>5.5925501139341735E-2</v>
      </c>
      <c r="E314" s="199">
        <v>0.12500089115824822</v>
      </c>
      <c r="F314" s="89">
        <v>3.9379085137878855E-2</v>
      </c>
      <c r="G314" s="199">
        <v>0.52012564559966701</v>
      </c>
      <c r="H314" s="89">
        <v>5.8474438791261935E-2</v>
      </c>
      <c r="I314" s="199">
        <v>4.1621813698441701E-3</v>
      </c>
      <c r="J314" s="89">
        <v>1.2182673311191815E-2</v>
      </c>
      <c r="K314" s="197">
        <v>289</v>
      </c>
      <c r="L314" s="199">
        <v>0.37005173605905783</v>
      </c>
      <c r="M314" s="89">
        <v>5.6468465661315942E-2</v>
      </c>
      <c r="N314" s="199">
        <v>0.13707775120089119</v>
      </c>
      <c r="O314" s="89">
        <v>4.0787326697137909E-2</v>
      </c>
      <c r="P314" s="199">
        <v>0.45306462354851512</v>
      </c>
      <c r="Q314" s="256">
        <v>5.8169671573862727E-2</v>
      </c>
      <c r="R314" s="199">
        <v>3.9805889191538657E-2</v>
      </c>
      <c r="S314" s="89">
        <v>2.4498871407000338E-2</v>
      </c>
    </row>
    <row r="315" spans="1:19">
      <c r="A315" s="44" t="s">
        <v>557</v>
      </c>
      <c r="B315" s="198">
        <v>111</v>
      </c>
      <c r="C315" s="200">
        <v>0.37646128861958256</v>
      </c>
      <c r="D315" s="92">
        <v>9.0559884380537053E-2</v>
      </c>
      <c r="E315" s="200">
        <v>8.9365533838128161E-2</v>
      </c>
      <c r="F315" s="92">
        <v>5.6846235342247725E-2</v>
      </c>
      <c r="G315" s="200">
        <v>0.52486565762172088</v>
      </c>
      <c r="H315" s="92">
        <v>9.3142987464229179E-2</v>
      </c>
      <c r="I315" s="200">
        <v>9.3075199205693675E-3</v>
      </c>
      <c r="J315" s="92">
        <v>2.9886416496076061E-2</v>
      </c>
      <c r="K315" s="198">
        <v>111</v>
      </c>
      <c r="L315" s="200">
        <v>0.27813446910477324</v>
      </c>
      <c r="M315" s="92">
        <v>8.4264683044285249E-2</v>
      </c>
      <c r="N315" s="200">
        <v>0.12171896851174122</v>
      </c>
      <c r="O315" s="92">
        <v>6.3707178102979642E-2</v>
      </c>
      <c r="P315" s="200">
        <v>0.55068946059308421</v>
      </c>
      <c r="Q315" s="257">
        <v>9.2802963292517651E-2</v>
      </c>
      <c r="R315" s="200">
        <v>4.945710179040233E-2</v>
      </c>
      <c r="S315" s="92">
        <v>4.6019459781477048E-2</v>
      </c>
    </row>
    <row r="316" spans="1:19">
      <c r="A316" s="52" t="s">
        <v>558</v>
      </c>
      <c r="B316" s="197">
        <v>114</v>
      </c>
      <c r="C316" s="199">
        <v>0.38335048621584861</v>
      </c>
      <c r="D316" s="89">
        <v>8.9688683967853691E-2</v>
      </c>
      <c r="E316" s="199">
        <v>0.15011158109444198</v>
      </c>
      <c r="F316" s="89">
        <v>6.7832598063475524E-2</v>
      </c>
      <c r="G316" s="199">
        <v>0.46540829696485558</v>
      </c>
      <c r="H316" s="89">
        <v>9.1851605368586484E-2</v>
      </c>
      <c r="I316" s="199">
        <v>1.1296357248543202E-3</v>
      </c>
      <c r="J316" s="89">
        <v>2.4505299358934907E-2</v>
      </c>
      <c r="K316" s="197">
        <v>114</v>
      </c>
      <c r="L316" s="199">
        <v>0.50879595544957268</v>
      </c>
      <c r="M316" s="89">
        <v>9.2044165450594601E-2</v>
      </c>
      <c r="N316" s="199">
        <v>0.12411681922092761</v>
      </c>
      <c r="O316" s="89">
        <v>6.3279937526654353E-2</v>
      </c>
      <c r="P316" s="199">
        <v>0.32761590532011958</v>
      </c>
      <c r="Q316" s="256">
        <v>8.6800812278644196E-2</v>
      </c>
      <c r="R316" s="199">
        <v>3.9471320009380244E-2</v>
      </c>
      <c r="S316" s="89">
        <v>4.2004190314214984E-2</v>
      </c>
    </row>
    <row r="317" spans="1:19">
      <c r="A317" s="44" t="s">
        <v>549</v>
      </c>
      <c r="B317" s="198">
        <v>63</v>
      </c>
      <c r="C317" s="200">
        <v>0.25112499693868978</v>
      </c>
      <c r="D317" s="92">
        <v>0.10796244238107318</v>
      </c>
      <c r="E317" s="200">
        <v>0.14706088062495312</v>
      </c>
      <c r="F317" s="92">
        <v>9.13786761651246E-2</v>
      </c>
      <c r="G317" s="200">
        <v>0.60181412243635712</v>
      </c>
      <c r="H317" s="92">
        <v>0.11990909043853022</v>
      </c>
      <c r="I317" s="200">
        <v>0</v>
      </c>
      <c r="J317" s="92">
        <v>4.1580477060619639E-2</v>
      </c>
      <c r="K317" s="198">
        <v>64</v>
      </c>
      <c r="L317" s="200">
        <v>0.30615075190830188</v>
      </c>
      <c r="M317" s="92">
        <v>0.11290634561279976</v>
      </c>
      <c r="N317" s="200">
        <v>0.18496285079710401</v>
      </c>
      <c r="O317" s="92">
        <v>9.7644149103331968E-2</v>
      </c>
      <c r="P317" s="200">
        <v>0.48543264063685404</v>
      </c>
      <c r="Q317" s="257">
        <v>0.12122221292267693</v>
      </c>
      <c r="R317" s="200">
        <v>2.3453756657740035E-2</v>
      </c>
      <c r="S317" s="92">
        <v>5.3597131119533695E-2</v>
      </c>
    </row>
    <row r="318" spans="1:19">
      <c r="A318" s="52" t="s">
        <v>550</v>
      </c>
      <c r="B318" s="197">
        <v>162</v>
      </c>
      <c r="C318" s="199">
        <v>0.3533325653799772</v>
      </c>
      <c r="D318" s="89">
        <v>7.4366864022724966E-2</v>
      </c>
      <c r="E318" s="199">
        <v>0.16844581973216285</v>
      </c>
      <c r="F318" s="89">
        <v>5.9172148418465312E-2</v>
      </c>
      <c r="G318" s="199">
        <v>0.47035005678436564</v>
      </c>
      <c r="H318" s="89">
        <v>7.7484975241047707E-2</v>
      </c>
      <c r="I318" s="199">
        <v>7.8715581034939988E-3</v>
      </c>
      <c r="J318" s="89">
        <v>2.1588037140773793E-2</v>
      </c>
      <c r="K318" s="197">
        <v>162</v>
      </c>
      <c r="L318" s="199">
        <v>0.45407151375510829</v>
      </c>
      <c r="M318" s="89">
        <v>7.7302567550392387E-2</v>
      </c>
      <c r="N318" s="199">
        <v>0.22434717061487441</v>
      </c>
      <c r="O318" s="89">
        <v>6.5424158447488862E-2</v>
      </c>
      <c r="P318" s="199">
        <v>0.32112499798414057</v>
      </c>
      <c r="Q318" s="256">
        <v>7.2731084853696212E-2</v>
      </c>
      <c r="R318" s="199">
        <v>4.5631764587616833E-4</v>
      </c>
      <c r="S318" s="89">
        <v>1.7242024102449537E-2</v>
      </c>
    </row>
    <row r="319" spans="1:19">
      <c r="A319" s="44" t="s">
        <v>551</v>
      </c>
      <c r="B319" s="198">
        <v>668</v>
      </c>
      <c r="C319" s="200">
        <v>0.11750513123913064</v>
      </c>
      <c r="D319" s="92">
        <v>2.5051635496736915E-2</v>
      </c>
      <c r="E319" s="200">
        <v>0.13296860181223594</v>
      </c>
      <c r="F319" s="92">
        <v>2.6377174321542483E-2</v>
      </c>
      <c r="G319" s="200">
        <v>0.73185018494173582</v>
      </c>
      <c r="H319" s="92">
        <v>3.4233400721864322E-2</v>
      </c>
      <c r="I319" s="200">
        <v>1.7676082006905403E-2</v>
      </c>
      <c r="J319" s="92">
        <v>1.0944904263524983E-2</v>
      </c>
      <c r="K319" s="198">
        <v>668</v>
      </c>
      <c r="L319" s="200">
        <v>0.18614881009214823</v>
      </c>
      <c r="M319" s="92">
        <v>3.0145143946822408E-2</v>
      </c>
      <c r="N319" s="200">
        <v>0.12906049396484584</v>
      </c>
      <c r="O319" s="92">
        <v>2.6053637065592695E-2</v>
      </c>
      <c r="P319" s="200">
        <v>0.66861539905581768</v>
      </c>
      <c r="Q319" s="257">
        <v>3.6343787211125932E-2</v>
      </c>
      <c r="R319" s="200">
        <v>1.6175296887194681E-2</v>
      </c>
      <c r="S319" s="92">
        <v>1.0548105495918217E-2</v>
      </c>
    </row>
    <row r="322" spans="1:10" ht="18.75">
      <c r="A322" s="342" t="s">
        <v>356</v>
      </c>
      <c r="B322" s="342"/>
      <c r="C322" s="342"/>
      <c r="D322" s="342"/>
      <c r="E322" s="224"/>
      <c r="F322" s="224"/>
      <c r="G322" s="224"/>
      <c r="H322" s="224"/>
      <c r="I322" s="224"/>
      <c r="J322" s="238"/>
    </row>
    <row r="323" spans="1:10" ht="147" customHeight="1">
      <c r="A323" s="413" t="s">
        <v>576</v>
      </c>
      <c r="B323" s="413"/>
      <c r="C323" s="413"/>
      <c r="D323" s="413"/>
      <c r="E323" s="260"/>
      <c r="F323" s="260"/>
      <c r="G323" s="260"/>
      <c r="H323" s="260"/>
      <c r="I323" s="260"/>
    </row>
    <row r="324" spans="1:10" ht="36" customHeight="1">
      <c r="A324" s="397" t="s">
        <v>145</v>
      </c>
      <c r="B324" s="397"/>
      <c r="C324" s="397"/>
      <c r="D324" s="397"/>
    </row>
    <row r="325" spans="1:10" ht="40.5" customHeight="1">
      <c r="A325" s="32" t="s">
        <v>71</v>
      </c>
      <c r="B325" s="33" t="s">
        <v>72</v>
      </c>
      <c r="C325" s="34" t="s">
        <v>592</v>
      </c>
      <c r="D325" s="35" t="s">
        <v>73</v>
      </c>
    </row>
    <row r="326" spans="1:10" ht="72">
      <c r="A326" s="36"/>
      <c r="B326" s="37" t="s">
        <v>74</v>
      </c>
      <c r="C326" s="123" t="s">
        <v>146</v>
      </c>
      <c r="D326" s="39" t="s">
        <v>76</v>
      </c>
    </row>
    <row r="327" spans="1:10">
      <c r="A327" s="40" t="s">
        <v>350</v>
      </c>
      <c r="B327" s="201">
        <v>11523</v>
      </c>
      <c r="C327" s="79">
        <v>3.9201570078785295</v>
      </c>
      <c r="D327" s="80">
        <v>2.5636434985028492E-2</v>
      </c>
    </row>
    <row r="328" spans="1:10">
      <c r="A328" s="44" t="s">
        <v>351</v>
      </c>
      <c r="B328" s="44">
        <v>8372</v>
      </c>
      <c r="C328" s="205">
        <v>3.6477619545416866</v>
      </c>
      <c r="D328" s="206">
        <v>2.9306209513935266E-2</v>
      </c>
    </row>
    <row r="329" spans="1:10">
      <c r="A329" s="40" t="s">
        <v>352</v>
      </c>
      <c r="B329" s="48">
        <v>3151</v>
      </c>
      <c r="C329" s="79">
        <v>4.1345471164411531</v>
      </c>
      <c r="D329" s="80">
        <v>5.0877959499426736E-2</v>
      </c>
    </row>
    <row r="330" spans="1:10">
      <c r="A330" s="44" t="s">
        <v>555</v>
      </c>
      <c r="B330" s="44">
        <v>3006</v>
      </c>
      <c r="C330" s="205">
        <v>4.0192713124013064</v>
      </c>
      <c r="D330" s="206">
        <v>4.8371858008639711E-2</v>
      </c>
    </row>
    <row r="331" spans="1:10">
      <c r="A331" s="40" t="s">
        <v>556</v>
      </c>
      <c r="B331" s="48">
        <v>2450</v>
      </c>
      <c r="C331" s="79">
        <v>3.6022664087345393</v>
      </c>
      <c r="D331" s="80">
        <v>5.1287294285869353E-2</v>
      </c>
    </row>
    <row r="332" spans="1:10">
      <c r="A332" s="44" t="s">
        <v>536</v>
      </c>
      <c r="B332" s="44">
        <v>283</v>
      </c>
      <c r="C332" s="205">
        <v>3.3332677606999015</v>
      </c>
      <c r="D332" s="206">
        <v>0.1328182181633534</v>
      </c>
    </row>
    <row r="333" spans="1:10">
      <c r="A333" s="40" t="s">
        <v>537</v>
      </c>
      <c r="B333" s="48">
        <v>145</v>
      </c>
      <c r="C333" s="79">
        <v>3.2620066909516594</v>
      </c>
      <c r="D333" s="80">
        <v>0.18682297859812746</v>
      </c>
    </row>
    <row r="334" spans="1:10">
      <c r="A334" s="44" t="s">
        <v>538</v>
      </c>
      <c r="B334" s="44">
        <v>78</v>
      </c>
      <c r="C334" s="205">
        <v>3.2264869451055942</v>
      </c>
      <c r="D334" s="206">
        <v>0.238718635749226</v>
      </c>
    </row>
    <row r="335" spans="1:10">
      <c r="A335" s="40" t="s">
        <v>539</v>
      </c>
      <c r="B335" s="48">
        <v>223</v>
      </c>
      <c r="C335" s="79">
        <v>3.0396618865574108</v>
      </c>
      <c r="D335" s="80">
        <v>0.16506982063358427</v>
      </c>
    </row>
    <row r="336" spans="1:10">
      <c r="A336" s="44" t="s">
        <v>540</v>
      </c>
      <c r="B336" s="44">
        <v>75</v>
      </c>
      <c r="C336" s="205">
        <v>2.8777379300652473</v>
      </c>
      <c r="D336" s="206">
        <v>0.30390560481675721</v>
      </c>
    </row>
    <row r="337" spans="1:46" ht="25.5">
      <c r="A337" s="40" t="s">
        <v>541</v>
      </c>
      <c r="B337" s="201">
        <v>84</v>
      </c>
      <c r="C337" s="79">
        <v>3.4622765400094182</v>
      </c>
      <c r="D337" s="80">
        <v>0.24786186613799285</v>
      </c>
    </row>
    <row r="338" spans="1:46">
      <c r="A338" s="44" t="s">
        <v>542</v>
      </c>
      <c r="B338" s="204">
        <v>64</v>
      </c>
      <c r="C338" s="205">
        <v>2.7287983316320328</v>
      </c>
      <c r="D338" s="206">
        <v>0.28974587839197802</v>
      </c>
    </row>
    <row r="339" spans="1:46">
      <c r="A339" s="40" t="s">
        <v>543</v>
      </c>
      <c r="B339" s="78">
        <v>379</v>
      </c>
      <c r="C339" s="79">
        <v>3.8052256490823875</v>
      </c>
      <c r="D339" s="80">
        <v>0.12942738519547731</v>
      </c>
    </row>
    <row r="340" spans="1:46">
      <c r="A340" s="44" t="s">
        <v>616</v>
      </c>
      <c r="B340" s="204">
        <v>197</v>
      </c>
      <c r="C340" s="205">
        <v>3.5832250030925432</v>
      </c>
      <c r="D340" s="206">
        <v>0.18195103668877338</v>
      </c>
    </row>
    <row r="341" spans="1:46">
      <c r="A341" s="52" t="s">
        <v>544</v>
      </c>
      <c r="B341" s="201">
        <v>182</v>
      </c>
      <c r="C341" s="79">
        <v>4.0184766128996525</v>
      </c>
      <c r="D341" s="80">
        <v>0.17915920615864059</v>
      </c>
    </row>
    <row r="342" spans="1:46">
      <c r="A342" s="44" t="s">
        <v>545</v>
      </c>
      <c r="B342" s="204">
        <v>89</v>
      </c>
      <c r="C342" s="205">
        <v>3.3336176735132335</v>
      </c>
      <c r="D342" s="206">
        <v>0.30926647623926595</v>
      </c>
    </row>
    <row r="343" spans="1:46">
      <c r="A343" s="52" t="s">
        <v>546</v>
      </c>
      <c r="B343" s="201">
        <v>251</v>
      </c>
      <c r="C343" s="79">
        <v>3.2738834607224305</v>
      </c>
      <c r="D343" s="80">
        <v>0.16823630953089136</v>
      </c>
    </row>
    <row r="344" spans="1:46">
      <c r="A344" s="44" t="s">
        <v>557</v>
      </c>
      <c r="B344" s="204">
        <v>98</v>
      </c>
      <c r="C344" s="205">
        <v>3.7107072228475158</v>
      </c>
      <c r="D344" s="206">
        <v>0.26806386760136486</v>
      </c>
    </row>
    <row r="345" spans="1:46">
      <c r="A345" s="52" t="s">
        <v>558</v>
      </c>
      <c r="B345" s="201">
        <v>99</v>
      </c>
      <c r="C345" s="79">
        <v>2.9731362334447948</v>
      </c>
      <c r="D345" s="80">
        <v>0.2641066497006086</v>
      </c>
    </row>
    <row r="346" spans="1:46">
      <c r="A346" s="44" t="s">
        <v>549</v>
      </c>
      <c r="B346" s="204">
        <v>54</v>
      </c>
      <c r="C346" s="205">
        <v>2.9606027533401962</v>
      </c>
      <c r="D346" s="206">
        <v>0.34935672126712486</v>
      </c>
    </row>
    <row r="347" spans="1:46">
      <c r="A347" s="52" t="s">
        <v>550</v>
      </c>
      <c r="B347" s="201">
        <v>136</v>
      </c>
      <c r="C347" s="79">
        <v>3.1848528636382611</v>
      </c>
      <c r="D347" s="80">
        <v>0.18566129346129714</v>
      </c>
    </row>
    <row r="348" spans="1:46">
      <c r="A348" s="44" t="s">
        <v>551</v>
      </c>
      <c r="B348" s="204">
        <v>573</v>
      </c>
      <c r="C348" s="205">
        <v>4.3165248494160133</v>
      </c>
      <c r="D348" s="206">
        <v>0.1194172878302141</v>
      </c>
    </row>
    <row r="351" spans="1:46" ht="18.75">
      <c r="A351" s="342" t="s">
        <v>357</v>
      </c>
      <c r="B351" s="342"/>
      <c r="C351" s="342"/>
      <c r="D351" s="342"/>
      <c r="E351" s="342"/>
      <c r="F351" s="342"/>
      <c r="G351" s="342"/>
      <c r="H351" s="342"/>
      <c r="I351" s="342"/>
      <c r="J351" s="342"/>
      <c r="K351" s="342"/>
      <c r="L351" s="342"/>
      <c r="M351" s="342"/>
      <c r="N351" s="342"/>
      <c r="O351" s="342"/>
      <c r="P351" s="342"/>
      <c r="Q351" s="342"/>
      <c r="R351" s="342"/>
      <c r="S351" s="342"/>
      <c r="T351" s="342"/>
      <c r="U351" s="342"/>
      <c r="V351" s="342"/>
      <c r="W351" s="342"/>
      <c r="X351" s="342"/>
      <c r="Y351" s="342"/>
      <c r="Z351" s="342"/>
      <c r="AA351" s="342"/>
      <c r="AB351" s="342"/>
      <c r="AC351" s="342"/>
      <c r="AD351" s="342"/>
      <c r="AE351" s="342"/>
      <c r="AF351" s="342"/>
      <c r="AG351" s="342"/>
      <c r="AH351" s="342"/>
      <c r="AI351" s="342"/>
      <c r="AJ351" s="342"/>
      <c r="AK351" s="342"/>
      <c r="AL351" s="342"/>
      <c r="AM351" s="342"/>
      <c r="AN351" s="342"/>
      <c r="AO351" s="342"/>
      <c r="AP351" s="342"/>
      <c r="AQ351" s="342"/>
      <c r="AR351" s="342"/>
      <c r="AS351" s="342"/>
      <c r="AT351" s="342"/>
    </row>
    <row r="352" spans="1:46" ht="70.5" customHeight="1">
      <c r="A352" s="413" t="s">
        <v>604</v>
      </c>
      <c r="B352" s="413"/>
      <c r="C352" s="413"/>
      <c r="D352" s="413"/>
      <c r="E352" s="413"/>
      <c r="F352" s="413"/>
      <c r="G352" s="413"/>
      <c r="H352" s="413"/>
      <c r="I352" s="413"/>
      <c r="J352" s="413"/>
      <c r="K352" s="413"/>
      <c r="L352" s="413"/>
      <c r="M352" s="413"/>
      <c r="N352" s="413"/>
      <c r="O352" s="413"/>
      <c r="P352" s="413"/>
      <c r="Q352" s="413"/>
      <c r="R352" s="413"/>
      <c r="S352" s="413"/>
      <c r="T352" s="413"/>
      <c r="U352" s="413"/>
      <c r="V352" s="413"/>
      <c r="W352" s="413"/>
      <c r="X352" s="413"/>
      <c r="Y352" s="413"/>
      <c r="Z352" s="413"/>
      <c r="AA352" s="413"/>
      <c r="AB352" s="413"/>
      <c r="AC352" s="413"/>
      <c r="AD352" s="413"/>
      <c r="AE352" s="413"/>
      <c r="AF352" s="413"/>
      <c r="AG352" s="413"/>
      <c r="AH352" s="413"/>
      <c r="AI352" s="413"/>
      <c r="AJ352" s="413"/>
      <c r="AK352" s="413"/>
      <c r="AL352" s="413"/>
      <c r="AM352" s="413"/>
      <c r="AN352" s="413"/>
      <c r="AO352" s="413"/>
      <c r="AP352" s="413"/>
      <c r="AQ352" s="413"/>
      <c r="AR352" s="413"/>
      <c r="AS352" s="413"/>
      <c r="AT352" s="413"/>
    </row>
    <row r="353" spans="1:46" ht="32.25" customHeight="1">
      <c r="A353" s="59"/>
      <c r="B353" s="392" t="s">
        <v>291</v>
      </c>
      <c r="C353" s="393"/>
      <c r="D353" s="393"/>
      <c r="E353" s="393"/>
      <c r="F353" s="393"/>
      <c r="G353" s="393"/>
      <c r="H353" s="393"/>
      <c r="I353" s="393"/>
      <c r="J353" s="394"/>
      <c r="K353" s="392" t="s">
        <v>292</v>
      </c>
      <c r="L353" s="393"/>
      <c r="M353" s="393"/>
      <c r="N353" s="393"/>
      <c r="O353" s="393"/>
      <c r="P353" s="393"/>
      <c r="Q353" s="393"/>
      <c r="R353" s="393"/>
      <c r="S353" s="394"/>
      <c r="T353" s="392" t="s">
        <v>293</v>
      </c>
      <c r="U353" s="393"/>
      <c r="V353" s="393"/>
      <c r="W353" s="393"/>
      <c r="X353" s="393"/>
      <c r="Y353" s="393"/>
      <c r="Z353" s="393"/>
      <c r="AA353" s="393"/>
      <c r="AB353" s="394"/>
      <c r="AC353" s="392" t="s">
        <v>294</v>
      </c>
      <c r="AD353" s="393"/>
      <c r="AE353" s="393"/>
      <c r="AF353" s="393"/>
      <c r="AG353" s="393"/>
      <c r="AH353" s="393"/>
      <c r="AI353" s="393"/>
      <c r="AJ353" s="393"/>
      <c r="AK353" s="394"/>
      <c r="AL353" s="392" t="s">
        <v>295</v>
      </c>
      <c r="AM353" s="393"/>
      <c r="AN353" s="393"/>
      <c r="AO353" s="393"/>
      <c r="AP353" s="393"/>
      <c r="AQ353" s="393"/>
      <c r="AR353" s="393"/>
      <c r="AS353" s="393"/>
      <c r="AT353" s="394"/>
    </row>
    <row r="354" spans="1:46" ht="60.75" customHeight="1">
      <c r="A354" s="32" t="s">
        <v>71</v>
      </c>
      <c r="B354" s="33" t="s">
        <v>72</v>
      </c>
      <c r="C354" s="33" t="s">
        <v>229</v>
      </c>
      <c r="D354" s="84" t="s">
        <v>296</v>
      </c>
      <c r="E354" s="33" t="s">
        <v>297</v>
      </c>
      <c r="F354" s="84" t="s">
        <v>270</v>
      </c>
      <c r="G354" s="33" t="s">
        <v>298</v>
      </c>
      <c r="H354" s="84" t="s">
        <v>271</v>
      </c>
      <c r="I354" s="33" t="s">
        <v>301</v>
      </c>
      <c r="J354" s="84" t="s">
        <v>315</v>
      </c>
      <c r="K354" s="60" t="s">
        <v>72</v>
      </c>
      <c r="L354" s="60" t="s">
        <v>346</v>
      </c>
      <c r="M354" s="83" t="s">
        <v>347</v>
      </c>
      <c r="N354" s="60" t="s">
        <v>343</v>
      </c>
      <c r="O354" s="83" t="s">
        <v>345</v>
      </c>
      <c r="P354" s="60" t="s">
        <v>348</v>
      </c>
      <c r="Q354" s="83" t="s">
        <v>349</v>
      </c>
      <c r="R354" s="258" t="s">
        <v>301</v>
      </c>
      <c r="S354" s="83" t="s">
        <v>315</v>
      </c>
      <c r="T354" s="33" t="s">
        <v>72</v>
      </c>
      <c r="U354" s="33" t="s">
        <v>346</v>
      </c>
      <c r="V354" s="84" t="s">
        <v>347</v>
      </c>
      <c r="W354" s="33" t="s">
        <v>343</v>
      </c>
      <c r="X354" s="84" t="s">
        <v>345</v>
      </c>
      <c r="Y354" s="33" t="s">
        <v>348</v>
      </c>
      <c r="Z354" s="84" t="s">
        <v>349</v>
      </c>
      <c r="AA354" s="33" t="s">
        <v>301</v>
      </c>
      <c r="AB354" s="84" t="s">
        <v>315</v>
      </c>
      <c r="AC354" s="60" t="s">
        <v>72</v>
      </c>
      <c r="AD354" s="60" t="s">
        <v>346</v>
      </c>
      <c r="AE354" s="83" t="s">
        <v>347</v>
      </c>
      <c r="AF354" s="60" t="s">
        <v>343</v>
      </c>
      <c r="AG354" s="83" t="s">
        <v>345</v>
      </c>
      <c r="AH354" s="60" t="s">
        <v>348</v>
      </c>
      <c r="AI354" s="83" t="s">
        <v>349</v>
      </c>
      <c r="AJ354" s="60" t="s">
        <v>301</v>
      </c>
      <c r="AK354" s="83" t="s">
        <v>315</v>
      </c>
      <c r="AL354" s="33" t="s">
        <v>72</v>
      </c>
      <c r="AM354" s="33" t="s">
        <v>346</v>
      </c>
      <c r="AN354" s="84" t="s">
        <v>347</v>
      </c>
      <c r="AO354" s="33" t="s">
        <v>343</v>
      </c>
      <c r="AP354" s="84" t="s">
        <v>345</v>
      </c>
      <c r="AQ354" s="33" t="s">
        <v>348</v>
      </c>
      <c r="AR354" s="84" t="s">
        <v>349</v>
      </c>
      <c r="AS354" s="33" t="s">
        <v>301</v>
      </c>
      <c r="AT354" s="84" t="s">
        <v>315</v>
      </c>
    </row>
    <row r="355" spans="1:46" ht="72">
      <c r="A355" s="36"/>
      <c r="B355" s="37" t="s">
        <v>74</v>
      </c>
      <c r="C355" s="37" t="s">
        <v>159</v>
      </c>
      <c r="D355" s="86" t="s">
        <v>88</v>
      </c>
      <c r="E355" s="37" t="s">
        <v>160</v>
      </c>
      <c r="F355" s="86" t="s">
        <v>88</v>
      </c>
      <c r="G355" s="37" t="s">
        <v>161</v>
      </c>
      <c r="H355" s="86" t="s">
        <v>88</v>
      </c>
      <c r="I355" s="37" t="s">
        <v>301</v>
      </c>
      <c r="J355" s="86" t="s">
        <v>88</v>
      </c>
      <c r="K355" s="63" t="s">
        <v>74</v>
      </c>
      <c r="L355" s="63" t="s">
        <v>342</v>
      </c>
      <c r="M355" s="85" t="s">
        <v>88</v>
      </c>
      <c r="N355" s="63" t="s">
        <v>344</v>
      </c>
      <c r="O355" s="85" t="s">
        <v>88</v>
      </c>
      <c r="P355" s="63" t="s">
        <v>159</v>
      </c>
      <c r="Q355" s="85" t="s">
        <v>88</v>
      </c>
      <c r="R355" s="259" t="s">
        <v>301</v>
      </c>
      <c r="S355" s="85" t="s">
        <v>88</v>
      </c>
      <c r="T355" s="37" t="s">
        <v>74</v>
      </c>
      <c r="U355" s="37" t="s">
        <v>342</v>
      </c>
      <c r="V355" s="86" t="s">
        <v>88</v>
      </c>
      <c r="W355" s="37" t="s">
        <v>344</v>
      </c>
      <c r="X355" s="86" t="s">
        <v>88</v>
      </c>
      <c r="Y355" s="37" t="s">
        <v>159</v>
      </c>
      <c r="Z355" s="86" t="s">
        <v>88</v>
      </c>
      <c r="AA355" s="37" t="s">
        <v>301</v>
      </c>
      <c r="AB355" s="86" t="s">
        <v>88</v>
      </c>
      <c r="AC355" s="63" t="s">
        <v>74</v>
      </c>
      <c r="AD355" s="63" t="s">
        <v>342</v>
      </c>
      <c r="AE355" s="85" t="s">
        <v>88</v>
      </c>
      <c r="AF355" s="63" t="s">
        <v>344</v>
      </c>
      <c r="AG355" s="85" t="s">
        <v>88</v>
      </c>
      <c r="AH355" s="63" t="s">
        <v>159</v>
      </c>
      <c r="AI355" s="85" t="s">
        <v>88</v>
      </c>
      <c r="AJ355" s="63" t="s">
        <v>301</v>
      </c>
      <c r="AK355" s="85" t="s">
        <v>88</v>
      </c>
      <c r="AL355" s="37" t="s">
        <v>74</v>
      </c>
      <c r="AM355" s="37" t="s">
        <v>342</v>
      </c>
      <c r="AN355" s="86" t="s">
        <v>88</v>
      </c>
      <c r="AO355" s="37" t="s">
        <v>344</v>
      </c>
      <c r="AP355" s="86" t="s">
        <v>88</v>
      </c>
      <c r="AQ355" s="37" t="s">
        <v>159</v>
      </c>
      <c r="AR355" s="86" t="s">
        <v>88</v>
      </c>
      <c r="AS355" s="37" t="s">
        <v>301</v>
      </c>
      <c r="AT355" s="86" t="s">
        <v>88</v>
      </c>
    </row>
    <row r="356" spans="1:46">
      <c r="A356" s="40" t="s">
        <v>350</v>
      </c>
      <c r="B356" s="201">
        <v>13815</v>
      </c>
      <c r="C356" s="207">
        <v>0.17605007959171437</v>
      </c>
      <c r="D356" s="89">
        <v>6.4811358179529301E-3</v>
      </c>
      <c r="E356" s="207">
        <v>0.16946925553153369</v>
      </c>
      <c r="F356" s="89">
        <v>6.3842891049194304E-3</v>
      </c>
      <c r="G356" s="207">
        <v>0.63870561427551786</v>
      </c>
      <c r="H356" s="89">
        <v>8.1730308757066942E-3</v>
      </c>
      <c r="I356" s="207">
        <v>1.5775050601248168E-2</v>
      </c>
      <c r="J356" s="89">
        <v>2.1291887836995919E-3</v>
      </c>
      <c r="K356" s="201">
        <v>13921</v>
      </c>
      <c r="L356" s="207">
        <v>0.43128119612438104</v>
      </c>
      <c r="M356" s="89">
        <v>8.3939011557169537E-3</v>
      </c>
      <c r="N356" s="207">
        <v>0.1965196850115149</v>
      </c>
      <c r="O356" s="89">
        <v>6.7359024248441375E-3</v>
      </c>
      <c r="P356" s="207">
        <v>0.31453606611118429</v>
      </c>
      <c r="Q356" s="89">
        <v>7.8700922431527674E-3</v>
      </c>
      <c r="R356" s="207">
        <v>5.766305275293792E-2</v>
      </c>
      <c r="S356" s="89">
        <v>3.9548771967590525E-3</v>
      </c>
      <c r="T356" s="201">
        <v>13959</v>
      </c>
      <c r="U356" s="207">
        <v>0.46530097545906712</v>
      </c>
      <c r="V356" s="89">
        <v>8.4423413112719187E-3</v>
      </c>
      <c r="W356" s="207">
        <v>0.14101964844660053</v>
      </c>
      <c r="X356" s="89">
        <v>5.8925645984896653E-3</v>
      </c>
      <c r="Y356" s="207">
        <v>0.2613093717616628</v>
      </c>
      <c r="Z356" s="89">
        <v>7.4368004297950176E-3</v>
      </c>
      <c r="AA356" s="207">
        <v>0.13237000433268897</v>
      </c>
      <c r="AB356" s="89">
        <v>5.7378479356672771E-3</v>
      </c>
      <c r="AC356" s="201">
        <v>13948</v>
      </c>
      <c r="AD356" s="207">
        <v>0.44480379197614073</v>
      </c>
      <c r="AE356" s="89">
        <v>8.4143540884781837E-3</v>
      </c>
      <c r="AF356" s="207">
        <v>0.16659488456625371</v>
      </c>
      <c r="AG356" s="89">
        <v>6.3105951983046978E-3</v>
      </c>
      <c r="AH356" s="207">
        <v>0.25628978034163385</v>
      </c>
      <c r="AI356" s="89">
        <v>7.3929551400165189E-3</v>
      </c>
      <c r="AJ356" s="207">
        <v>0.1323115431159905</v>
      </c>
      <c r="AK356" s="89">
        <v>5.7390379031784225E-3</v>
      </c>
      <c r="AL356" s="201">
        <v>13958</v>
      </c>
      <c r="AM356" s="207">
        <v>0.33216717297934245</v>
      </c>
      <c r="AN356" s="89">
        <v>7.9723106183940337E-3</v>
      </c>
      <c r="AO356" s="207">
        <v>0.17903716103535486</v>
      </c>
      <c r="AP356" s="89">
        <v>6.4904781822776054E-3</v>
      </c>
      <c r="AQ356" s="207">
        <v>0.28159880985013375</v>
      </c>
      <c r="AR356" s="89">
        <v>7.6135015105054148E-3</v>
      </c>
      <c r="AS356" s="207">
        <v>0.2071968561351886</v>
      </c>
      <c r="AT356" s="89">
        <v>6.861125455814774E-3</v>
      </c>
    </row>
    <row r="357" spans="1:46">
      <c r="A357" s="44" t="s">
        <v>351</v>
      </c>
      <c r="B357" s="204">
        <v>10146</v>
      </c>
      <c r="C357" s="208">
        <v>0.17890590456310965</v>
      </c>
      <c r="D357" s="92">
        <v>7.6107217103005302E-3</v>
      </c>
      <c r="E357" s="208">
        <v>0.17435877600897257</v>
      </c>
      <c r="F357" s="92">
        <v>7.53425953443684E-3</v>
      </c>
      <c r="G357" s="208">
        <v>0.63467323718153379</v>
      </c>
      <c r="H357" s="92">
        <v>9.5593023108101489E-3</v>
      </c>
      <c r="I357" s="208">
        <v>1.2062082246376926E-2</v>
      </c>
      <c r="J357" s="92">
        <v>2.184062594288781E-3</v>
      </c>
      <c r="K357" s="204">
        <v>10142</v>
      </c>
      <c r="L357" s="208">
        <v>0.46804500608368454</v>
      </c>
      <c r="M357" s="92">
        <v>9.9075100559377436E-3</v>
      </c>
      <c r="N357" s="208">
        <v>0.18959537622605446</v>
      </c>
      <c r="O357" s="92">
        <v>7.7849300255473609E-3</v>
      </c>
      <c r="P357" s="208">
        <v>0.28124422579891456</v>
      </c>
      <c r="Q357" s="92">
        <v>8.9280285035615893E-3</v>
      </c>
      <c r="R357" s="208">
        <v>6.1115391891346259E-2</v>
      </c>
      <c r="S357" s="92">
        <v>4.7625315480819518E-3</v>
      </c>
      <c r="T357" s="204">
        <v>10176</v>
      </c>
      <c r="U357" s="208">
        <v>0.56522380655885374</v>
      </c>
      <c r="V357" s="92">
        <v>9.8265747207698408E-3</v>
      </c>
      <c r="W357" s="208">
        <v>0.12027747431701769</v>
      </c>
      <c r="X357" s="92">
        <v>6.4513927761144828E-3</v>
      </c>
      <c r="Y357" s="208">
        <v>0.18078926181125976</v>
      </c>
      <c r="Z357" s="92">
        <v>7.630580702799949E-3</v>
      </c>
      <c r="AA357" s="208">
        <v>0.13370945731286588</v>
      </c>
      <c r="AB357" s="92">
        <v>6.7494205460137471E-3</v>
      </c>
      <c r="AC357" s="204">
        <v>10161</v>
      </c>
      <c r="AD357" s="208">
        <v>0.52526685976089205</v>
      </c>
      <c r="AE357" s="92">
        <v>9.9058447500712226E-3</v>
      </c>
      <c r="AF357" s="208">
        <v>0.15841249905892282</v>
      </c>
      <c r="AG357" s="92">
        <v>7.245529966462042E-3</v>
      </c>
      <c r="AH357" s="208">
        <v>0.18203124717061997</v>
      </c>
      <c r="AI357" s="92">
        <v>7.6565588255011431E-3</v>
      </c>
      <c r="AJ357" s="208">
        <v>0.1342893940095623</v>
      </c>
      <c r="AK357" s="92">
        <v>6.7667480904239682E-3</v>
      </c>
      <c r="AL357" s="204">
        <v>10165</v>
      </c>
      <c r="AM357" s="208">
        <v>0.38645328584310518</v>
      </c>
      <c r="AN357" s="92">
        <v>9.6576725982852451E-3</v>
      </c>
      <c r="AO357" s="208">
        <v>0.17138669573291548</v>
      </c>
      <c r="AP357" s="92">
        <v>7.4762740252015646E-3</v>
      </c>
      <c r="AQ357" s="208">
        <v>0.21890347432413532</v>
      </c>
      <c r="AR357" s="92">
        <v>8.2025420700415439E-3</v>
      </c>
      <c r="AS357" s="208">
        <v>0.22325654409984214</v>
      </c>
      <c r="AT357" s="92">
        <v>8.2605162700504671E-3</v>
      </c>
    </row>
    <row r="358" spans="1:46">
      <c r="A358" s="40" t="s">
        <v>352</v>
      </c>
      <c r="B358" s="201">
        <v>3669</v>
      </c>
      <c r="C358" s="207">
        <v>0.1737197336605466</v>
      </c>
      <c r="D358" s="89">
        <v>1.2512903649788814E-2</v>
      </c>
      <c r="E358" s="207">
        <v>0.16547941922711129</v>
      </c>
      <c r="F358" s="89">
        <v>1.2274187699993633E-2</v>
      </c>
      <c r="G358" s="207">
        <v>0.64199602375366893</v>
      </c>
      <c r="H358" s="89">
        <v>1.5822353760000834E-2</v>
      </c>
      <c r="I358" s="207">
        <v>1.8804823358672732E-2</v>
      </c>
      <c r="J358" s="89">
        <v>4.5434351275649449E-3</v>
      </c>
      <c r="K358" s="201">
        <v>3779</v>
      </c>
      <c r="L358" s="207">
        <v>0.40215772574423952</v>
      </c>
      <c r="M358" s="89">
        <v>1.5944893310416271E-2</v>
      </c>
      <c r="N358" s="207">
        <v>0.20200496801235687</v>
      </c>
      <c r="O358" s="89">
        <v>1.3063081311942658E-2</v>
      </c>
      <c r="P358" s="207">
        <v>0.34090911956530839</v>
      </c>
      <c r="Q358" s="89">
        <v>1.5415424161120156E-2</v>
      </c>
      <c r="R358" s="207">
        <v>5.4928186678095001E-2</v>
      </c>
      <c r="S358" s="89">
        <v>7.438514404945311E-3</v>
      </c>
      <c r="T358" s="201">
        <v>3783</v>
      </c>
      <c r="U358" s="207">
        <v>0.38586221827091144</v>
      </c>
      <c r="V358" s="89">
        <v>1.5821825218067829E-2</v>
      </c>
      <c r="W358" s="207">
        <v>0.15750969897957753</v>
      </c>
      <c r="X358" s="89">
        <v>1.1850136162261415E-2</v>
      </c>
      <c r="Y358" s="207">
        <v>0.32532294496320185</v>
      </c>
      <c r="Z358" s="89">
        <v>1.5228298704807647E-2</v>
      </c>
      <c r="AA358" s="207">
        <v>0.13130513778630981</v>
      </c>
      <c r="AB358" s="89">
        <v>1.0990122562692011E-2</v>
      </c>
      <c r="AC358" s="201">
        <v>3787</v>
      </c>
      <c r="AD358" s="207">
        <v>0.38108302459246834</v>
      </c>
      <c r="AE358" s="89">
        <v>1.5776351014167397E-2</v>
      </c>
      <c r="AF358" s="207">
        <v>0.17307472554062964</v>
      </c>
      <c r="AG358" s="89">
        <v>1.2298292518352566E-2</v>
      </c>
      <c r="AH358" s="207">
        <v>0.31509701760853898</v>
      </c>
      <c r="AI358" s="89">
        <v>1.5092539554168909E-2</v>
      </c>
      <c r="AJ358" s="207">
        <v>0.13074523225836387</v>
      </c>
      <c r="AK358" s="89">
        <v>1.0964487741235469E-2</v>
      </c>
      <c r="AL358" s="201">
        <v>3793</v>
      </c>
      <c r="AM358" s="207">
        <v>0.28915283208325138</v>
      </c>
      <c r="AN358" s="89">
        <v>1.4718393877672481E-2</v>
      </c>
      <c r="AO358" s="207">
        <v>0.1850991114158935</v>
      </c>
      <c r="AP358" s="89">
        <v>1.2614343958275053E-2</v>
      </c>
      <c r="AQ358" s="207">
        <v>0.33127631285493792</v>
      </c>
      <c r="AR358" s="89">
        <v>1.5278720826906535E-2</v>
      </c>
      <c r="AS358" s="207">
        <v>0.19447174364591735</v>
      </c>
      <c r="AT358" s="89">
        <v>1.2854365769488301E-2</v>
      </c>
    </row>
    <row r="359" spans="1:46">
      <c r="A359" s="44" t="s">
        <v>555</v>
      </c>
      <c r="B359" s="204">
        <v>3588</v>
      </c>
      <c r="C359" s="208">
        <v>0.16089361997874366</v>
      </c>
      <c r="D359" s="92">
        <v>1.2273009383017085E-2</v>
      </c>
      <c r="E359" s="208">
        <v>0.16194641634495743</v>
      </c>
      <c r="F359" s="92">
        <v>1.2305237921892725E-2</v>
      </c>
      <c r="G359" s="208">
        <v>0.66181466447251158</v>
      </c>
      <c r="H359" s="92">
        <v>1.5789339039454616E-2</v>
      </c>
      <c r="I359" s="208">
        <v>1.5345299203795831E-2</v>
      </c>
      <c r="J359" s="92">
        <v>4.1723277627080399E-3</v>
      </c>
      <c r="K359" s="204">
        <v>3603</v>
      </c>
      <c r="L359" s="208">
        <v>0.37787700934443835</v>
      </c>
      <c r="M359" s="92">
        <v>1.6147333667016713E-2</v>
      </c>
      <c r="N359" s="208">
        <v>0.21080988400478837</v>
      </c>
      <c r="O359" s="92">
        <v>1.3590488193166416E-2</v>
      </c>
      <c r="P359" s="208">
        <v>0.35257508330017051</v>
      </c>
      <c r="Q359" s="92">
        <v>1.5911944814864125E-2</v>
      </c>
      <c r="R359" s="208">
        <v>5.8738023350620117E-2</v>
      </c>
      <c r="S359" s="92">
        <v>7.8606862325523909E-3</v>
      </c>
      <c r="T359" s="204">
        <v>3613</v>
      </c>
      <c r="U359" s="208">
        <v>0.44101181669082551</v>
      </c>
      <c r="V359" s="92">
        <v>1.6511591795813876E-2</v>
      </c>
      <c r="W359" s="208">
        <v>0.13870921438853556</v>
      </c>
      <c r="X359" s="92">
        <v>1.1508192762531974E-2</v>
      </c>
      <c r="Y359" s="208">
        <v>0.28048152390010078</v>
      </c>
      <c r="Z359" s="92">
        <v>1.4943193943822481E-2</v>
      </c>
      <c r="AA359" s="208">
        <v>0.13979744502055338</v>
      </c>
      <c r="AB359" s="92">
        <v>1.154577287020841E-2</v>
      </c>
      <c r="AC359" s="204">
        <v>3609</v>
      </c>
      <c r="AD359" s="208">
        <v>0.44211633555223995</v>
      </c>
      <c r="AE359" s="92">
        <v>1.6525044814035748E-2</v>
      </c>
      <c r="AF359" s="208">
        <v>0.15911824719840637</v>
      </c>
      <c r="AG359" s="92">
        <v>1.21826119256539E-2</v>
      </c>
      <c r="AH359" s="208">
        <v>0.27119388291005375</v>
      </c>
      <c r="AI359" s="92">
        <v>1.479684799450204E-2</v>
      </c>
      <c r="AJ359" s="208">
        <v>0.12757153433931603</v>
      </c>
      <c r="AK359" s="92">
        <v>1.1115675788504626E-2</v>
      </c>
      <c r="AL359" s="204">
        <v>3605</v>
      </c>
      <c r="AM359" s="208">
        <v>0.33889635459140338</v>
      </c>
      <c r="AN359" s="92">
        <v>1.5760155649724435E-2</v>
      </c>
      <c r="AO359" s="208">
        <v>0.1602149029589662</v>
      </c>
      <c r="AP359" s="92">
        <v>1.2223188626353246E-2</v>
      </c>
      <c r="AQ359" s="208">
        <v>0.29064036733833376</v>
      </c>
      <c r="AR359" s="92">
        <v>1.5119937996689557E-2</v>
      </c>
      <c r="AS359" s="208">
        <v>0.21024837511131217</v>
      </c>
      <c r="AT359" s="92">
        <v>1.357348140619573E-2</v>
      </c>
    </row>
    <row r="360" spans="1:46">
      <c r="A360" s="40" t="s">
        <v>556</v>
      </c>
      <c r="B360" s="201">
        <v>2948</v>
      </c>
      <c r="C360" s="207">
        <v>0.18061514161863049</v>
      </c>
      <c r="D360" s="89">
        <v>1.417417619399095E-2</v>
      </c>
      <c r="E360" s="207">
        <v>0.17986733697813351</v>
      </c>
      <c r="F360" s="89">
        <v>1.4151360780599012E-2</v>
      </c>
      <c r="G360" s="207">
        <v>0.62558518523274376</v>
      </c>
      <c r="H360" s="89">
        <v>1.7816859417028475E-2</v>
      </c>
      <c r="I360" s="207">
        <v>1.3932336170489551E-2</v>
      </c>
      <c r="J360" s="89">
        <v>4.4138959245743868E-3</v>
      </c>
      <c r="K360" s="201">
        <v>2948</v>
      </c>
      <c r="L360" s="207">
        <v>0.4454671057547448</v>
      </c>
      <c r="M360" s="89">
        <v>1.8295756655646509E-2</v>
      </c>
      <c r="N360" s="207">
        <v>0.21541354789463729</v>
      </c>
      <c r="O360" s="89">
        <v>1.5142945184414025E-2</v>
      </c>
      <c r="P360" s="207">
        <v>0.27559390825999558</v>
      </c>
      <c r="Q360" s="89">
        <v>1.6453032657947491E-2</v>
      </c>
      <c r="R360" s="207">
        <v>6.3525438090618114E-2</v>
      </c>
      <c r="S360" s="89">
        <v>9.0171392357523382E-3</v>
      </c>
      <c r="T360" s="201">
        <v>2955</v>
      </c>
      <c r="U360" s="207">
        <v>0.56962901277510591</v>
      </c>
      <c r="V360" s="89">
        <v>1.8204831307112378E-2</v>
      </c>
      <c r="W360" s="207">
        <v>0.11751000131571981</v>
      </c>
      <c r="X360" s="89">
        <v>1.1862491903971421E-2</v>
      </c>
      <c r="Y360" s="207">
        <v>0.17189508730773606</v>
      </c>
      <c r="Z360" s="89">
        <v>1.3885936220042517E-2</v>
      </c>
      <c r="AA360" s="207">
        <v>0.14096589860143519</v>
      </c>
      <c r="AB360" s="89">
        <v>1.2812780320116561E-2</v>
      </c>
      <c r="AC360" s="201">
        <v>2950</v>
      </c>
      <c r="AD360" s="207">
        <v>0.55531695371901202</v>
      </c>
      <c r="AE360" s="89">
        <v>1.828638186390431E-2</v>
      </c>
      <c r="AF360" s="207">
        <v>0.1414647562068527</v>
      </c>
      <c r="AG360" s="89">
        <v>1.2842484856107684E-2</v>
      </c>
      <c r="AH360" s="207">
        <v>0.16887958600401254</v>
      </c>
      <c r="AI360" s="89">
        <v>1.3800787834572502E-2</v>
      </c>
      <c r="AJ360" s="207">
        <v>0.13433870407011966</v>
      </c>
      <c r="AK360" s="89">
        <v>1.2568225670294022E-2</v>
      </c>
      <c r="AL360" s="201">
        <v>2947</v>
      </c>
      <c r="AM360" s="207">
        <v>0.41195761258204305</v>
      </c>
      <c r="AN360" s="89">
        <v>1.8121527234966756E-2</v>
      </c>
      <c r="AO360" s="207">
        <v>0.15900840122057006</v>
      </c>
      <c r="AP360" s="89">
        <v>1.3479139440568312E-2</v>
      </c>
      <c r="AQ360" s="207">
        <v>0.20181262508344971</v>
      </c>
      <c r="AR360" s="89">
        <v>1.478755792849748E-2</v>
      </c>
      <c r="AS360" s="207">
        <v>0.22722136111393312</v>
      </c>
      <c r="AT360" s="89">
        <v>1.543642284027638E-2</v>
      </c>
    </row>
    <row r="361" spans="1:46">
      <c r="A361" s="44" t="s">
        <v>536</v>
      </c>
      <c r="B361" s="204">
        <v>329</v>
      </c>
      <c r="C361" s="208">
        <v>0.18498701876588255</v>
      </c>
      <c r="D361" s="92">
        <v>4.2889127781518252E-2</v>
      </c>
      <c r="E361" s="208">
        <v>0.15684314908491978</v>
      </c>
      <c r="F361" s="92">
        <v>4.0277621074706872E-2</v>
      </c>
      <c r="G361" s="208">
        <v>0.64524767891636292</v>
      </c>
      <c r="H361" s="92">
        <v>5.2494175267575341E-2</v>
      </c>
      <c r="I361" s="208">
        <v>1.2922153232836055E-2</v>
      </c>
      <c r="J361" s="92">
        <v>1.4875061246949312E-2</v>
      </c>
      <c r="K361" s="204">
        <v>331</v>
      </c>
      <c r="L361" s="208">
        <v>0.52617745871259214</v>
      </c>
      <c r="M361" s="92">
        <v>5.4562685555616094E-2</v>
      </c>
      <c r="N361" s="208">
        <v>0.23593223224161564</v>
      </c>
      <c r="O361" s="92">
        <v>4.6607091767008467E-2</v>
      </c>
      <c r="P361" s="208">
        <v>0.18816664964438409</v>
      </c>
      <c r="Q361" s="92">
        <v>4.3029770769312074E-2</v>
      </c>
      <c r="R361" s="208">
        <v>4.9723659401410332E-2</v>
      </c>
      <c r="S361" s="92">
        <v>2.4933122017812615E-2</v>
      </c>
      <c r="T361" s="204">
        <v>331</v>
      </c>
      <c r="U361" s="208">
        <v>0.73149345989049119</v>
      </c>
      <c r="V361" s="92">
        <v>4.8583871826410337E-2</v>
      </c>
      <c r="W361" s="208">
        <v>8.1273188848764985E-2</v>
      </c>
      <c r="X361" s="92">
        <v>3.0679838608562812E-2</v>
      </c>
      <c r="Y361" s="208">
        <v>9.8717741909970791E-2</v>
      </c>
      <c r="Z361" s="92">
        <v>3.3286638115011404E-2</v>
      </c>
      <c r="AA361" s="208">
        <v>8.8515609350774418E-2</v>
      </c>
      <c r="AB361" s="92">
        <v>3.1801606025156803E-2</v>
      </c>
      <c r="AC361" s="204">
        <v>329</v>
      </c>
      <c r="AD361" s="208">
        <v>0.65653426935980774</v>
      </c>
      <c r="AE361" s="92">
        <v>5.2112392644564798E-2</v>
      </c>
      <c r="AF361" s="208">
        <v>0.15422710136206635</v>
      </c>
      <c r="AG361" s="92">
        <v>4.0014432445227552E-2</v>
      </c>
      <c r="AH361" s="208">
        <v>0.10652877415236217</v>
      </c>
      <c r="AI361" s="92">
        <v>3.4463271248813175E-2</v>
      </c>
      <c r="AJ361" s="208">
        <v>8.2709855125765619E-2</v>
      </c>
      <c r="AK361" s="92">
        <v>3.1004627917950032E-2</v>
      </c>
      <c r="AL361" s="204">
        <v>330</v>
      </c>
      <c r="AM361" s="208">
        <v>0.54898915145236471</v>
      </c>
      <c r="AN361" s="92">
        <v>5.4460577660626591E-2</v>
      </c>
      <c r="AO361" s="208">
        <v>0.13037023748039717</v>
      </c>
      <c r="AP361" s="92">
        <v>3.7372814395075296E-2</v>
      </c>
      <c r="AQ361" s="208">
        <v>0.14843817434866857</v>
      </c>
      <c r="AR361" s="92">
        <v>3.9358163812500506E-2</v>
      </c>
      <c r="AS361" s="208">
        <v>0.1722024367185718</v>
      </c>
      <c r="AT361" s="92">
        <v>4.1687033077689388E-2</v>
      </c>
    </row>
    <row r="362" spans="1:46">
      <c r="A362" s="40" t="s">
        <v>537</v>
      </c>
      <c r="B362" s="201">
        <v>161</v>
      </c>
      <c r="C362" s="207">
        <v>0.21395266061731338</v>
      </c>
      <c r="D362" s="89">
        <v>6.4591211009243671E-2</v>
      </c>
      <c r="E362" s="207">
        <v>0.1387047845204557</v>
      </c>
      <c r="F362" s="89">
        <v>5.5206057075283713E-2</v>
      </c>
      <c r="G362" s="207">
        <v>0.64705140775190217</v>
      </c>
      <c r="H362" s="89">
        <v>7.4575423216763415E-2</v>
      </c>
      <c r="I362" s="207">
        <v>2.9114711032836375E-4</v>
      </c>
      <c r="J362" s="89">
        <v>1.723380020977287E-2</v>
      </c>
      <c r="K362" s="201">
        <v>164</v>
      </c>
      <c r="L362" s="207">
        <v>0.58989862488874079</v>
      </c>
      <c r="M362" s="89">
        <v>7.5954012024588805E-2</v>
      </c>
      <c r="N362" s="207">
        <v>0.20835158934235753</v>
      </c>
      <c r="O362" s="89">
        <v>6.3422882328427757E-2</v>
      </c>
      <c r="P362" s="207">
        <v>0.17013207484217854</v>
      </c>
      <c r="Q362" s="89">
        <v>5.9021188862020291E-2</v>
      </c>
      <c r="R362" s="207">
        <v>3.161771092672247E-2</v>
      </c>
      <c r="S362" s="89">
        <v>3.1221339429405661E-2</v>
      </c>
      <c r="T362" s="201">
        <v>163</v>
      </c>
      <c r="U362" s="207">
        <v>0.72578064043134727</v>
      </c>
      <c r="V362" s="89">
        <v>6.9460860280971051E-2</v>
      </c>
      <c r="W362" s="207">
        <v>0.10543910365198235</v>
      </c>
      <c r="X362" s="89">
        <v>4.9352703276587209E-2</v>
      </c>
      <c r="Y362" s="207">
        <v>0.11577234540188767</v>
      </c>
      <c r="Z362" s="89">
        <v>5.1179279031871784E-2</v>
      </c>
      <c r="AA362" s="207">
        <v>5.3007910514782243E-2</v>
      </c>
      <c r="AB362" s="89">
        <v>3.7800229648150351E-2</v>
      </c>
      <c r="AC362" s="201">
        <v>163</v>
      </c>
      <c r="AD362" s="207">
        <v>0.69060245782439911</v>
      </c>
      <c r="AE362" s="89">
        <v>7.1826501947634791E-2</v>
      </c>
      <c r="AF362" s="207">
        <v>0.14958124438712125</v>
      </c>
      <c r="AG362" s="89">
        <v>5.6445313011104357E-2</v>
      </c>
      <c r="AH362" s="207">
        <v>0.10003110889017736</v>
      </c>
      <c r="AI362" s="89">
        <v>4.8349175687096603E-2</v>
      </c>
      <c r="AJ362" s="207">
        <v>5.9785188898301908E-2</v>
      </c>
      <c r="AK362" s="89">
        <v>3.9573490173446364E-2</v>
      </c>
      <c r="AL362" s="201">
        <v>163</v>
      </c>
      <c r="AM362" s="207">
        <v>0.61866559845502489</v>
      </c>
      <c r="AN362" s="89">
        <v>7.5277524246795402E-2</v>
      </c>
      <c r="AO362" s="207">
        <v>0.10677698417014866</v>
      </c>
      <c r="AP362" s="89">
        <v>4.959575638858596E-2</v>
      </c>
      <c r="AQ362" s="207">
        <v>0.13313138065673916</v>
      </c>
      <c r="AR362" s="89">
        <v>5.4007706017851348E-2</v>
      </c>
      <c r="AS362" s="207">
        <v>0.14142603671808635</v>
      </c>
      <c r="AT362" s="89">
        <v>5.5264252294457326E-2</v>
      </c>
    </row>
    <row r="363" spans="1:46">
      <c r="A363" s="44" t="s">
        <v>538</v>
      </c>
      <c r="B363" s="204">
        <v>88</v>
      </c>
      <c r="C363" s="208">
        <v>0.21586920699155562</v>
      </c>
      <c r="D363" s="92">
        <v>8.7510771990258765E-2</v>
      </c>
      <c r="E363" s="208">
        <v>0.15870084819140712</v>
      </c>
      <c r="F363" s="92">
        <v>7.8967200226284992E-2</v>
      </c>
      <c r="G363" s="208">
        <v>0.61168565322467805</v>
      </c>
      <c r="H363" s="92">
        <v>0.10184971951284359</v>
      </c>
      <c r="I363" s="208">
        <v>1.3744291592358874E-2</v>
      </c>
      <c r="J363" s="92">
        <v>3.8260447286546449E-2</v>
      </c>
      <c r="K363" s="204">
        <v>88</v>
      </c>
      <c r="L363" s="208">
        <v>0.53276329603696548</v>
      </c>
      <c r="M363" s="92">
        <v>0.10405221918681674</v>
      </c>
      <c r="N363" s="208">
        <v>0.25033237761167765</v>
      </c>
      <c r="O363" s="92">
        <v>9.1596607551889433E-2</v>
      </c>
      <c r="P363" s="208">
        <v>0.18012533289708993</v>
      </c>
      <c r="Q363" s="92">
        <v>8.2457934021880314E-2</v>
      </c>
      <c r="R363" s="208">
        <v>3.6778993454266586E-2</v>
      </c>
      <c r="S363" s="92">
        <v>4.8310256548687536E-2</v>
      </c>
      <c r="T363" s="204">
        <v>89</v>
      </c>
      <c r="U363" s="208">
        <v>0.81950231223362524</v>
      </c>
      <c r="V363" s="92">
        <v>8.2046578123460834E-2</v>
      </c>
      <c r="W363" s="208">
        <v>2.6955440759127782E-2</v>
      </c>
      <c r="X363" s="92">
        <v>4.4025416299588352E-2</v>
      </c>
      <c r="Y363" s="208">
        <v>9.4031358138751533E-2</v>
      </c>
      <c r="Z363" s="92">
        <v>6.5274219024882701E-2</v>
      </c>
      <c r="AA363" s="208">
        <v>5.9510888868495065E-2</v>
      </c>
      <c r="AB363" s="92">
        <v>5.5764948349411689E-2</v>
      </c>
      <c r="AC363" s="204">
        <v>88</v>
      </c>
      <c r="AD363" s="208">
        <v>0.68942368158127554</v>
      </c>
      <c r="AE363" s="92">
        <v>9.7171062968653452E-2</v>
      </c>
      <c r="AF363" s="208">
        <v>0.13272708861474697</v>
      </c>
      <c r="AG363" s="92">
        <v>7.4186935291782011E-2</v>
      </c>
      <c r="AH363" s="208">
        <v>0.12845059836887163</v>
      </c>
      <c r="AI363" s="92">
        <v>7.3334948439089082E-2</v>
      </c>
      <c r="AJ363" s="208">
        <v>4.9398631435105436E-2</v>
      </c>
      <c r="AK363" s="92">
        <v>5.2845293417272274E-2</v>
      </c>
      <c r="AL363" s="204">
        <v>89</v>
      </c>
      <c r="AM363" s="208">
        <v>0.55929758144541608</v>
      </c>
      <c r="AN363" s="92">
        <v>0.10302515847093686</v>
      </c>
      <c r="AO363" s="208">
        <v>0.16305179814235304</v>
      </c>
      <c r="AP363" s="92">
        <v>7.9249776126967458E-2</v>
      </c>
      <c r="AQ363" s="208">
        <v>0.1049381302488161</v>
      </c>
      <c r="AR363" s="92">
        <v>6.7859153408631301E-2</v>
      </c>
      <c r="AS363" s="208">
        <v>0.17271249016341428</v>
      </c>
      <c r="AT363" s="92">
        <v>8.0828798950557418E-2</v>
      </c>
    </row>
    <row r="364" spans="1:46">
      <c r="A364" s="40" t="s">
        <v>539</v>
      </c>
      <c r="B364" s="201">
        <v>242</v>
      </c>
      <c r="C364" s="207">
        <v>0.20220227007658967</v>
      </c>
      <c r="D364" s="89">
        <v>5.1667649710636657E-2</v>
      </c>
      <c r="E364" s="207">
        <v>0.22447082149895209</v>
      </c>
      <c r="F364" s="89">
        <v>5.3576542576499998E-2</v>
      </c>
      <c r="G364" s="207">
        <v>0.56835558682543241</v>
      </c>
      <c r="H364" s="89">
        <v>6.3178445067427424E-2</v>
      </c>
      <c r="I364" s="207">
        <v>4.9713215990236205E-3</v>
      </c>
      <c r="J364" s="89">
        <v>1.4455444975629766E-2</v>
      </c>
      <c r="K364" s="201">
        <v>245</v>
      </c>
      <c r="L364" s="207">
        <v>0.60176678339122425</v>
      </c>
      <c r="M364" s="89">
        <v>6.2088625277674996E-2</v>
      </c>
      <c r="N364" s="207">
        <v>0.18668053715812102</v>
      </c>
      <c r="O364" s="89">
        <v>4.9892995139489943E-2</v>
      </c>
      <c r="P364" s="207">
        <v>0.17423206921886247</v>
      </c>
      <c r="Q364" s="89">
        <v>4.863725232641964E-2</v>
      </c>
      <c r="R364" s="207">
        <v>3.7320610231789966E-2</v>
      </c>
      <c r="S364" s="89">
        <v>2.6205968536695334E-2</v>
      </c>
      <c r="T364" s="201">
        <v>242</v>
      </c>
      <c r="U364" s="207">
        <v>0.78199705320301183</v>
      </c>
      <c r="V364" s="89">
        <v>5.3044348547260367E-2</v>
      </c>
      <c r="W364" s="207">
        <v>9.1214224261134957E-2</v>
      </c>
      <c r="X364" s="89">
        <v>3.7888227415177285E-2</v>
      </c>
      <c r="Y364" s="207">
        <v>7.6115906718488086E-2</v>
      </c>
      <c r="Z364" s="89">
        <v>3.5180821637998697E-2</v>
      </c>
      <c r="AA364" s="207">
        <v>5.0672815817363333E-2</v>
      </c>
      <c r="AB364" s="89">
        <v>2.9800799459650078E-2</v>
      </c>
      <c r="AC364" s="201">
        <v>244</v>
      </c>
      <c r="AD364" s="207">
        <v>0.72591411464335875</v>
      </c>
      <c r="AE364" s="89">
        <v>5.6880732122108708E-2</v>
      </c>
      <c r="AF364" s="207">
        <v>0.15336190940079164</v>
      </c>
      <c r="AG364" s="89">
        <v>4.6435324252761478E-2</v>
      </c>
      <c r="AH364" s="207">
        <v>8.5245229722661103E-2</v>
      </c>
      <c r="AI364" s="89">
        <v>3.6694644759568663E-2</v>
      </c>
      <c r="AJ364" s="207">
        <v>3.5478746233185941E-2</v>
      </c>
      <c r="AK364" s="89">
        <v>2.5754584800565659E-2</v>
      </c>
      <c r="AL364" s="201">
        <v>243</v>
      </c>
      <c r="AM364" s="207">
        <v>0.53868393502291179</v>
      </c>
      <c r="AN364" s="89">
        <v>6.3443893237886698E-2</v>
      </c>
      <c r="AO364" s="207">
        <v>0.20589829831892717</v>
      </c>
      <c r="AP364" s="89">
        <v>5.1892599886522617E-2</v>
      </c>
      <c r="AQ364" s="207">
        <v>0.13209761127768174</v>
      </c>
      <c r="AR364" s="89">
        <v>4.3898338809392555E-2</v>
      </c>
      <c r="AS364" s="207">
        <v>0.12332015538047701</v>
      </c>
      <c r="AT364" s="89">
        <v>4.271563763942831E-2</v>
      </c>
    </row>
    <row r="365" spans="1:46">
      <c r="A365" s="44" t="s">
        <v>540</v>
      </c>
      <c r="B365" s="204">
        <v>82</v>
      </c>
      <c r="C365" s="208">
        <v>0.21382854358338005</v>
      </c>
      <c r="D365" s="92">
        <v>9.0360206687702893E-2</v>
      </c>
      <c r="E365" s="208">
        <v>0.23731934008634895</v>
      </c>
      <c r="F365" s="92">
        <v>9.3328205131801484E-2</v>
      </c>
      <c r="G365" s="208">
        <v>0.54885211633027087</v>
      </c>
      <c r="H365" s="92">
        <v>0.10736382626677778</v>
      </c>
      <c r="I365" s="208">
        <v>0</v>
      </c>
      <c r="J365" s="92">
        <v>3.2504011252172456E-2</v>
      </c>
      <c r="K365" s="204">
        <v>82</v>
      </c>
      <c r="L365" s="208">
        <v>0.51676018938997226</v>
      </c>
      <c r="M365" s="92">
        <v>0.1077776822397898</v>
      </c>
      <c r="N365" s="208">
        <v>0.28877041663176378</v>
      </c>
      <c r="O365" s="92">
        <v>9.869757554044524E-2</v>
      </c>
      <c r="P365" s="208">
        <v>0.13614306196102519</v>
      </c>
      <c r="Q365" s="92">
        <v>7.7650751819037134E-2</v>
      </c>
      <c r="R365" s="208">
        <v>5.8326332017238754E-2</v>
      </c>
      <c r="S365" s="92">
        <v>5.8129337703675746E-2</v>
      </c>
      <c r="T365" s="204">
        <v>81</v>
      </c>
      <c r="U365" s="208">
        <v>0.8073290408042314</v>
      </c>
      <c r="V365" s="92">
        <v>8.7911510193457831E-2</v>
      </c>
      <c r="W365" s="208">
        <v>5.9881455518950473E-2</v>
      </c>
      <c r="X365" s="92">
        <v>5.9050406486061434E-2</v>
      </c>
      <c r="Y365" s="208">
        <v>8.545049391859362E-2</v>
      </c>
      <c r="Z365" s="92">
        <v>6.6489229914482653E-2</v>
      </c>
      <c r="AA365" s="208">
        <v>4.7339009758224471E-2</v>
      </c>
      <c r="AB365" s="92">
        <v>5.4849165257684622E-2</v>
      </c>
      <c r="AC365" s="204">
        <v>81</v>
      </c>
      <c r="AD365" s="208">
        <v>0.81013311238786301</v>
      </c>
      <c r="AE365" s="92">
        <v>8.7489677572518743E-2</v>
      </c>
      <c r="AF365" s="208">
        <v>7.2298699894380994E-2</v>
      </c>
      <c r="AG365" s="92">
        <v>6.2828726182061201E-2</v>
      </c>
      <c r="AH365" s="208">
        <v>9.4025710696835407E-2</v>
      </c>
      <c r="AI365" s="92">
        <v>6.871318035956947E-2</v>
      </c>
      <c r="AJ365" s="208">
        <v>2.3542477020920671E-2</v>
      </c>
      <c r="AK365" s="92">
        <v>4.5426769784450857E-2</v>
      </c>
      <c r="AL365" s="204">
        <v>81</v>
      </c>
      <c r="AM365" s="208">
        <v>0.68876634628315936</v>
      </c>
      <c r="AN365" s="92">
        <v>0.10120265648351195</v>
      </c>
      <c r="AO365" s="208">
        <v>0.13076050927900856</v>
      </c>
      <c r="AP365" s="92">
        <v>7.7061340588350527E-2</v>
      </c>
      <c r="AQ365" s="208">
        <v>7.259387089960595E-2</v>
      </c>
      <c r="AR365" s="92">
        <v>6.2914505582776323E-2</v>
      </c>
      <c r="AS365" s="208">
        <v>0.10787927353822609</v>
      </c>
      <c r="AT365" s="92">
        <v>7.2069324777487218E-2</v>
      </c>
    </row>
    <row r="366" spans="1:46" ht="25.5">
      <c r="A366" s="40" t="s">
        <v>541</v>
      </c>
      <c r="B366" s="201">
        <v>89</v>
      </c>
      <c r="C366" s="207">
        <v>0.21308782439782908</v>
      </c>
      <c r="D366" s="89">
        <v>8.6660948496144641E-2</v>
      </c>
      <c r="E366" s="207">
        <v>0.16936545526501007</v>
      </c>
      <c r="F366" s="89">
        <v>8.0290431909490464E-2</v>
      </c>
      <c r="G366" s="207">
        <v>0.61754672033716085</v>
      </c>
      <c r="H366" s="89">
        <v>0.10103673062518909</v>
      </c>
      <c r="I366" s="207">
        <v>0</v>
      </c>
      <c r="J366" s="89">
        <v>3.0084393934100805E-2</v>
      </c>
      <c r="K366" s="201">
        <v>92</v>
      </c>
      <c r="L366" s="207">
        <v>0.47467477212011666</v>
      </c>
      <c r="M366" s="89">
        <v>0.10194176577260859</v>
      </c>
      <c r="N366" s="207">
        <v>0.17170158230674099</v>
      </c>
      <c r="O366" s="89">
        <v>7.9323883908031051E-2</v>
      </c>
      <c r="P366" s="207">
        <v>0.3307630446774264</v>
      </c>
      <c r="Q366" s="89">
        <v>9.6543576299648839E-2</v>
      </c>
      <c r="R366" s="207">
        <v>2.2860600895716031E-2</v>
      </c>
      <c r="S366" s="89">
        <v>4.1288911511866165E-2</v>
      </c>
      <c r="T366" s="201">
        <v>91</v>
      </c>
      <c r="U366" s="207">
        <v>0.66295995088663606</v>
      </c>
      <c r="V366" s="89">
        <v>9.7469728584283946E-2</v>
      </c>
      <c r="W366" s="207">
        <v>0.17061933708984664</v>
      </c>
      <c r="X366" s="89">
        <v>7.9591635555874049E-2</v>
      </c>
      <c r="Y366" s="207">
        <v>8.7218434090183358E-2</v>
      </c>
      <c r="Z366" s="89">
        <v>6.2797190785614895E-2</v>
      </c>
      <c r="AA366" s="207">
        <v>7.920227793333412E-2</v>
      </c>
      <c r="AB366" s="89">
        <v>6.0706914711873394E-2</v>
      </c>
      <c r="AC366" s="201">
        <v>92</v>
      </c>
      <c r="AD366" s="207">
        <v>0.59388913482239647</v>
      </c>
      <c r="AE366" s="89">
        <v>0.10039590872269889</v>
      </c>
      <c r="AF366" s="207">
        <v>0.24229490866173634</v>
      </c>
      <c r="AG366" s="89">
        <v>8.8742866758286007E-2</v>
      </c>
      <c r="AH366" s="207">
        <v>0.12692896697267034</v>
      </c>
      <c r="AI366" s="89">
        <v>7.1348577580743006E-2</v>
      </c>
      <c r="AJ366" s="207">
        <v>3.6886989543197031E-2</v>
      </c>
      <c r="AK366" s="89">
        <v>4.7004784543058828E-2</v>
      </c>
      <c r="AL366" s="201">
        <v>91</v>
      </c>
      <c r="AM366" s="207">
        <v>0.34929184721031381</v>
      </c>
      <c r="AN366" s="89">
        <v>9.8228403054896454E-2</v>
      </c>
      <c r="AO366" s="207">
        <v>0.20421277658005699</v>
      </c>
      <c r="AP366" s="89">
        <v>8.4535236429120614E-2</v>
      </c>
      <c r="AQ366" s="207">
        <v>0.25731054021656474</v>
      </c>
      <c r="AR366" s="89">
        <v>9.0834089245956429E-2</v>
      </c>
      <c r="AS366" s="207">
        <v>0.18918483599306463</v>
      </c>
      <c r="AT366" s="89">
        <v>8.2425829658632987E-2</v>
      </c>
    </row>
    <row r="367" spans="1:46">
      <c r="A367" s="44" t="s">
        <v>542</v>
      </c>
      <c r="B367" s="204">
        <v>71</v>
      </c>
      <c r="C367" s="208">
        <v>0.17786073605379979</v>
      </c>
      <c r="D367" s="92">
        <v>9.1506010388986675E-2</v>
      </c>
      <c r="E367" s="208">
        <v>0.27256343704852187</v>
      </c>
      <c r="F367" s="92">
        <v>0.10421594565893288</v>
      </c>
      <c r="G367" s="208">
        <v>0.53384242002636961</v>
      </c>
      <c r="H367" s="92">
        <v>0.11523277292462639</v>
      </c>
      <c r="I367" s="208">
        <v>1.573340687130835E-2</v>
      </c>
      <c r="J367" s="92">
        <v>4.6091876497851639E-2</v>
      </c>
      <c r="K367" s="204">
        <v>71</v>
      </c>
      <c r="L367" s="208">
        <v>0.83500702383851999</v>
      </c>
      <c r="M367" s="92">
        <v>8.9270295606790062E-2</v>
      </c>
      <c r="N367" s="208">
        <v>9.670376325788356E-2</v>
      </c>
      <c r="O367" s="92">
        <v>7.4561333010550956E-2</v>
      </c>
      <c r="P367" s="208">
        <v>3.6574955862493035E-2</v>
      </c>
      <c r="Q367" s="92">
        <v>5.5394043798900727E-2</v>
      </c>
      <c r="R367" s="208">
        <v>3.1714257041103269E-2</v>
      </c>
      <c r="S367" s="92">
        <v>5.3404517977854629E-2</v>
      </c>
      <c r="T367" s="204">
        <v>70</v>
      </c>
      <c r="U367" s="208">
        <v>0.89056578720259139</v>
      </c>
      <c r="V367" s="92">
        <v>7.8328363223146971E-2</v>
      </c>
      <c r="W367" s="208">
        <v>3.3939339782763242E-2</v>
      </c>
      <c r="X367" s="92">
        <v>5.4838947097341197E-2</v>
      </c>
      <c r="Y367" s="208">
        <v>5.3715162332677702E-2</v>
      </c>
      <c r="Z367" s="92">
        <v>6.2289563127334087E-2</v>
      </c>
      <c r="AA367" s="208">
        <v>2.1779710681967875E-2</v>
      </c>
      <c r="AB367" s="92">
        <v>4.951706829227439E-2</v>
      </c>
      <c r="AC367" s="204">
        <v>71</v>
      </c>
      <c r="AD367" s="208">
        <v>0.78750733043258736</v>
      </c>
      <c r="AE367" s="92">
        <v>9.6863210248734344E-2</v>
      </c>
      <c r="AF367" s="208">
        <v>0.13734759867108307</v>
      </c>
      <c r="AG367" s="92">
        <v>8.3948428145860607E-2</v>
      </c>
      <c r="AH367" s="208">
        <v>2.8767018600295288E-2</v>
      </c>
      <c r="AI367" s="92">
        <v>5.2150701718154301E-2</v>
      </c>
      <c r="AJ367" s="208">
        <v>4.63780522960342E-2</v>
      </c>
      <c r="AK367" s="92">
        <v>5.9145436723195291E-2</v>
      </c>
      <c r="AL367" s="204">
        <v>71</v>
      </c>
      <c r="AM367" s="208">
        <v>0.59612655715109986</v>
      </c>
      <c r="AN367" s="92">
        <v>0.11354154248181124</v>
      </c>
      <c r="AO367" s="208">
        <v>0.28647417666904135</v>
      </c>
      <c r="AP367" s="92">
        <v>0.10561321082292988</v>
      </c>
      <c r="AQ367" s="208">
        <v>5.2534909087252099E-2</v>
      </c>
      <c r="AR367" s="92">
        <v>6.1346142566669343E-2</v>
      </c>
      <c r="AS367" s="208">
        <v>6.4864357092606476E-2</v>
      </c>
      <c r="AT367" s="92">
        <v>6.5448192711535874E-2</v>
      </c>
    </row>
    <row r="368" spans="1:46">
      <c r="A368" s="40" t="s">
        <v>543</v>
      </c>
      <c r="B368" s="201">
        <v>473</v>
      </c>
      <c r="C368" s="207">
        <v>0.17019350835174113</v>
      </c>
      <c r="D368" s="89">
        <v>3.4634274036809048E-2</v>
      </c>
      <c r="E368" s="207">
        <v>0.17534955438138969</v>
      </c>
      <c r="F368" s="89">
        <v>3.5033659330676932E-2</v>
      </c>
      <c r="G368" s="207">
        <v>0.64019125813405542</v>
      </c>
      <c r="H368" s="89">
        <v>4.3981571233831548E-2</v>
      </c>
      <c r="I368" s="207">
        <v>1.4265679132815316E-2</v>
      </c>
      <c r="J368" s="89">
        <v>1.2286791947148976E-2</v>
      </c>
      <c r="K368" s="201">
        <v>476</v>
      </c>
      <c r="L368" s="207">
        <v>0.41057547593653665</v>
      </c>
      <c r="M368" s="89">
        <v>4.4919926745470025E-2</v>
      </c>
      <c r="N368" s="207">
        <v>0.2462493705463672</v>
      </c>
      <c r="O368" s="89">
        <v>3.9441866814003357E-2</v>
      </c>
      <c r="P368" s="207">
        <v>0.28121887750838359</v>
      </c>
      <c r="Q368" s="89">
        <v>4.1122707581816492E-2</v>
      </c>
      <c r="R368" s="207">
        <v>6.1956276008713777E-2</v>
      </c>
      <c r="S368" s="89">
        <v>2.2602066482583116E-2</v>
      </c>
      <c r="T368" s="201">
        <v>475</v>
      </c>
      <c r="U368" s="207">
        <v>0.46679686309134305</v>
      </c>
      <c r="V368" s="89">
        <v>4.5591989857780138E-2</v>
      </c>
      <c r="W368" s="207">
        <v>0.15918887978139457</v>
      </c>
      <c r="X368" s="89">
        <v>3.3672820024412367E-2</v>
      </c>
      <c r="Y368" s="207">
        <v>0.21053424620644612</v>
      </c>
      <c r="Z368" s="89">
        <v>3.7411346206057523E-2</v>
      </c>
      <c r="AA368" s="207">
        <v>0.16348001092081799</v>
      </c>
      <c r="AB368" s="89">
        <v>3.402538270632792E-2</v>
      </c>
      <c r="AC368" s="201">
        <v>473</v>
      </c>
      <c r="AD368" s="207">
        <v>0.46760268214216505</v>
      </c>
      <c r="AE368" s="89">
        <v>4.5692247631216945E-2</v>
      </c>
      <c r="AF368" s="207">
        <v>0.15795116536349776</v>
      </c>
      <c r="AG368" s="89">
        <v>3.3640918981406434E-2</v>
      </c>
      <c r="AH368" s="207">
        <v>0.22390962699357617</v>
      </c>
      <c r="AI368" s="89">
        <v>3.831319321927272E-2</v>
      </c>
      <c r="AJ368" s="207">
        <v>0.15053652550076266</v>
      </c>
      <c r="AK368" s="89">
        <v>3.3006562517264984E-2</v>
      </c>
      <c r="AL368" s="201">
        <v>474</v>
      </c>
      <c r="AM368" s="207">
        <v>0.35897382415972617</v>
      </c>
      <c r="AN368" s="89">
        <v>4.3913483310079104E-2</v>
      </c>
      <c r="AO368" s="207">
        <v>0.16525385371399204</v>
      </c>
      <c r="AP368" s="89">
        <v>3.4204965248260333E-2</v>
      </c>
      <c r="AQ368" s="207">
        <v>0.22189089331085785</v>
      </c>
      <c r="AR368" s="89">
        <v>3.8152346026941994E-2</v>
      </c>
      <c r="AS368" s="207">
        <v>0.25388142881542491</v>
      </c>
      <c r="AT368" s="89">
        <v>3.9919920233883639E-2</v>
      </c>
    </row>
    <row r="369" spans="1:46">
      <c r="A369" s="44" t="s">
        <v>616</v>
      </c>
      <c r="B369" s="204">
        <v>243</v>
      </c>
      <c r="C369" s="208">
        <v>0.23675581247358043</v>
      </c>
      <c r="D369" s="92">
        <v>5.4428019923593113E-2</v>
      </c>
      <c r="E369" s="208">
        <v>0.13865422081843515</v>
      </c>
      <c r="F369" s="92">
        <v>4.4743804711928112E-2</v>
      </c>
      <c r="G369" s="208">
        <v>0.61413003838553804</v>
      </c>
      <c r="H369" s="92">
        <v>6.200336965926774E-2</v>
      </c>
      <c r="I369" s="208">
        <v>1.0459928322444046E-2</v>
      </c>
      <c r="J369" s="92">
        <v>1.7096816546574904E-2</v>
      </c>
      <c r="K369" s="204">
        <v>245</v>
      </c>
      <c r="L369" s="208">
        <v>0.51279630951841138</v>
      </c>
      <c r="M369" s="92">
        <v>6.3352329398984997E-2</v>
      </c>
      <c r="N369" s="208">
        <v>0.18549804016183347</v>
      </c>
      <c r="O369" s="92">
        <v>4.9777153367973011E-2</v>
      </c>
      <c r="P369" s="208">
        <v>0.23634931750014904</v>
      </c>
      <c r="Q369" s="92">
        <v>5.4175630863683537E-2</v>
      </c>
      <c r="R369" s="208">
        <v>6.5356332819603208E-2</v>
      </c>
      <c r="S369" s="92">
        <v>3.2832957553975535E-2</v>
      </c>
      <c r="T369" s="204">
        <v>244</v>
      </c>
      <c r="U369" s="208">
        <v>0.58901334578841225</v>
      </c>
      <c r="V369" s="92">
        <v>6.2518404490843796E-2</v>
      </c>
      <c r="W369" s="208">
        <v>0.11498896010711425</v>
      </c>
      <c r="X369" s="92">
        <v>4.1447530509147991E-2</v>
      </c>
      <c r="Y369" s="208">
        <v>0.17285324368228408</v>
      </c>
      <c r="Z369" s="92">
        <v>4.8593039641542206E-2</v>
      </c>
      <c r="AA369" s="208">
        <v>0.12314445042218665</v>
      </c>
      <c r="AB369" s="92">
        <v>4.2601726936257682E-2</v>
      </c>
      <c r="AC369" s="204">
        <v>244</v>
      </c>
      <c r="AD369" s="208">
        <v>0.56150862989910355</v>
      </c>
      <c r="AE369" s="92">
        <v>6.3033240916087654E-2</v>
      </c>
      <c r="AF369" s="208">
        <v>0.11784373662412921</v>
      </c>
      <c r="AG369" s="92">
        <v>4.1857992555954723E-2</v>
      </c>
      <c r="AH369" s="208">
        <v>0.18204234557782414</v>
      </c>
      <c r="AI369" s="92">
        <v>4.9536207975190066E-2</v>
      </c>
      <c r="AJ369" s="208">
        <v>0.13860528789894025</v>
      </c>
      <c r="AK369" s="92">
        <v>4.4644290655876814E-2</v>
      </c>
      <c r="AL369" s="204">
        <v>244</v>
      </c>
      <c r="AM369" s="208">
        <v>0.41718050212777841</v>
      </c>
      <c r="AN369" s="92">
        <v>6.2651160006847673E-2</v>
      </c>
      <c r="AO369" s="208">
        <v>0.14283297719726859</v>
      </c>
      <c r="AP369" s="92">
        <v>4.5172364760815799E-2</v>
      </c>
      <c r="AQ369" s="208">
        <v>0.20938774789453077</v>
      </c>
      <c r="AR369" s="92">
        <v>5.2092801582263051E-2</v>
      </c>
      <c r="AS369" s="208">
        <v>0.23059877278041938</v>
      </c>
      <c r="AT369" s="92">
        <v>5.3843454750497788E-2</v>
      </c>
    </row>
    <row r="370" spans="1:46">
      <c r="A370" s="52" t="s">
        <v>544</v>
      </c>
      <c r="B370" s="201">
        <v>230</v>
      </c>
      <c r="C370" s="207">
        <v>0.11078810383645832</v>
      </c>
      <c r="D370" s="89">
        <v>4.2092458267545353E-2</v>
      </c>
      <c r="E370" s="207">
        <v>0.20809933915657181</v>
      </c>
      <c r="F370" s="89">
        <v>5.3538408936958708E-2</v>
      </c>
      <c r="G370" s="207">
        <v>0.66345032829016337</v>
      </c>
      <c r="H370" s="89">
        <v>6.1905573458539025E-2</v>
      </c>
      <c r="I370" s="207">
        <v>1.7662228716805509E-2</v>
      </c>
      <c r="J370" s="89">
        <v>2.0769853916646232E-2</v>
      </c>
      <c r="K370" s="201">
        <v>231</v>
      </c>
      <c r="L370" s="207">
        <v>0.31852938396870817</v>
      </c>
      <c r="M370" s="89">
        <v>6.0940144986244109E-2</v>
      </c>
      <c r="N370" s="207">
        <v>0.30095370378058489</v>
      </c>
      <c r="O370" s="89">
        <v>6.0030891303650559E-2</v>
      </c>
      <c r="P370" s="207">
        <v>0.32162226204707084</v>
      </c>
      <c r="Q370" s="89">
        <v>6.1090146291200305E-2</v>
      </c>
      <c r="R370" s="207">
        <v>5.8894650203634401E-2</v>
      </c>
      <c r="S370" s="89">
        <v>3.2483970782435853E-2</v>
      </c>
      <c r="T370" s="201">
        <v>231</v>
      </c>
      <c r="U370" s="207">
        <v>0.35712421292303331</v>
      </c>
      <c r="V370" s="89">
        <v>6.2606576029993907E-2</v>
      </c>
      <c r="W370" s="207">
        <v>0.1988522886844285</v>
      </c>
      <c r="X370" s="89">
        <v>5.2571507236819193E-2</v>
      </c>
      <c r="Y370" s="207">
        <v>0.24434781469267455</v>
      </c>
      <c r="Z370" s="89">
        <v>5.6394956604498558E-2</v>
      </c>
      <c r="AA370" s="207">
        <v>0.19967568369986183</v>
      </c>
      <c r="AB370" s="89">
        <v>5.2648918468576278E-2</v>
      </c>
      <c r="AC370" s="201">
        <v>229</v>
      </c>
      <c r="AD370" s="207">
        <v>0.3828385504798546</v>
      </c>
      <c r="AE370" s="89">
        <v>6.3751186920078515E-2</v>
      </c>
      <c r="AF370" s="207">
        <v>0.1941541051293563</v>
      </c>
      <c r="AG370" s="89">
        <v>5.2351150550599926E-2</v>
      </c>
      <c r="AH370" s="207">
        <v>0.261701096426941</v>
      </c>
      <c r="AI370" s="89">
        <v>5.7880540446106549E-2</v>
      </c>
      <c r="AJ370" s="207">
        <v>0.16130624796384616</v>
      </c>
      <c r="AK370" s="89">
        <v>4.8883042266482865E-2</v>
      </c>
      <c r="AL370" s="201">
        <v>230</v>
      </c>
      <c r="AM370" s="207">
        <v>0.30657886893428504</v>
      </c>
      <c r="AN370" s="89">
        <v>6.0462090656701488E-2</v>
      </c>
      <c r="AO370" s="207">
        <v>0.18543608816230631</v>
      </c>
      <c r="AP370" s="89">
        <v>5.1374867152864379E-2</v>
      </c>
      <c r="AQ370" s="207">
        <v>0.23314564563713058</v>
      </c>
      <c r="AR370" s="89">
        <v>5.5654999203090701E-2</v>
      </c>
      <c r="AS370" s="207">
        <v>0.27483939726627638</v>
      </c>
      <c r="AT370" s="89">
        <v>5.8619609605915751E-2</v>
      </c>
    </row>
    <row r="371" spans="1:46">
      <c r="A371" s="44" t="s">
        <v>545</v>
      </c>
      <c r="B371" s="204">
        <v>112</v>
      </c>
      <c r="C371" s="208">
        <v>0.22129375188900602</v>
      </c>
      <c r="D371" s="92">
        <v>7.8254119818967238E-2</v>
      </c>
      <c r="E371" s="208">
        <v>0.14681077260214551</v>
      </c>
      <c r="F371" s="92">
        <v>6.7902562828607585E-2</v>
      </c>
      <c r="G371" s="208">
        <v>0.62408264882154252</v>
      </c>
      <c r="H371" s="92">
        <v>9.0142993058509396E-2</v>
      </c>
      <c r="I371" s="208">
        <v>7.8128266873057402E-3</v>
      </c>
      <c r="J371" s="92">
        <v>2.8869810003783161E-2</v>
      </c>
      <c r="K371" s="204">
        <v>111</v>
      </c>
      <c r="L371" s="208">
        <v>0.54628503571918585</v>
      </c>
      <c r="M371" s="92">
        <v>9.2877503903267974E-2</v>
      </c>
      <c r="N371" s="208">
        <v>0.17167591584576092</v>
      </c>
      <c r="O371" s="92">
        <v>7.2128335204287172E-2</v>
      </c>
      <c r="P371" s="208">
        <v>0.20702502682457705</v>
      </c>
      <c r="Q371" s="92">
        <v>7.6903757881443477E-2</v>
      </c>
      <c r="R371" s="208">
        <v>7.5014021610475864E-2</v>
      </c>
      <c r="S371" s="92">
        <v>5.3318663140052382E-2</v>
      </c>
      <c r="T371" s="204">
        <v>111</v>
      </c>
      <c r="U371" s="208">
        <v>0.64708176281802177</v>
      </c>
      <c r="V371" s="92">
        <v>8.9412709964614243E-2</v>
      </c>
      <c r="W371" s="208">
        <v>9.7980418509222761E-2</v>
      </c>
      <c r="X371" s="92">
        <v>5.880781856444442E-2</v>
      </c>
      <c r="Y371" s="208">
        <v>0.11933441561476547</v>
      </c>
      <c r="Z371" s="92">
        <v>6.3245233751030139E-2</v>
      </c>
      <c r="AA371" s="208">
        <v>0.13560340305798971</v>
      </c>
      <c r="AB371" s="92">
        <v>6.6277855717561715E-2</v>
      </c>
      <c r="AC371" s="204">
        <v>110</v>
      </c>
      <c r="AD371" s="208">
        <v>0.56408365130072535</v>
      </c>
      <c r="AE371" s="92">
        <v>9.2939599352858449E-2</v>
      </c>
      <c r="AF371" s="208">
        <v>0.14787669141525916</v>
      </c>
      <c r="AG371" s="92">
        <v>6.8711865973323336E-2</v>
      </c>
      <c r="AH371" s="208">
        <v>0.12686446641005386</v>
      </c>
      <c r="AI371" s="92">
        <v>6.4988256931785268E-2</v>
      </c>
      <c r="AJ371" s="208">
        <v>0.16117519087396123</v>
      </c>
      <c r="AK371" s="92">
        <v>7.0862532719814963E-2</v>
      </c>
      <c r="AL371" s="204">
        <v>110</v>
      </c>
      <c r="AM371" s="208">
        <v>0.44826900035685513</v>
      </c>
      <c r="AN371" s="92">
        <v>9.3190693993351476E-2</v>
      </c>
      <c r="AO371" s="208">
        <v>0.10617760250681679</v>
      </c>
      <c r="AP371" s="92">
        <v>6.0869981795671213E-2</v>
      </c>
      <c r="AQ371" s="208">
        <v>0.22431567720718387</v>
      </c>
      <c r="AR371" s="92">
        <v>7.9303557918422071E-2</v>
      </c>
      <c r="AS371" s="208">
        <v>0.22123771992914384</v>
      </c>
      <c r="AT371" s="92">
        <v>7.8951271297073577E-2</v>
      </c>
    </row>
    <row r="372" spans="1:46">
      <c r="A372" s="52" t="s">
        <v>546</v>
      </c>
      <c r="B372" s="201">
        <v>286</v>
      </c>
      <c r="C372" s="207">
        <v>0.25785716077615856</v>
      </c>
      <c r="D372" s="89">
        <v>5.159165353585006E-2</v>
      </c>
      <c r="E372" s="207">
        <v>0.17143693862730797</v>
      </c>
      <c r="F372" s="89">
        <v>4.4721946975500124E-2</v>
      </c>
      <c r="G372" s="207">
        <v>0.56383303740221069</v>
      </c>
      <c r="H372" s="89">
        <v>5.8254728676563741E-2</v>
      </c>
      <c r="I372" s="207">
        <v>6.8728631943260473E-3</v>
      </c>
      <c r="J372" s="89">
        <v>1.3639507353153699E-2</v>
      </c>
      <c r="K372" s="201">
        <v>287</v>
      </c>
      <c r="L372" s="207">
        <v>0.56365457774684413</v>
      </c>
      <c r="M372" s="89">
        <v>5.815711882942648E-2</v>
      </c>
      <c r="N372" s="207">
        <v>0.16048242943010355</v>
      </c>
      <c r="O372" s="89">
        <v>4.3533773893786376E-2</v>
      </c>
      <c r="P372" s="207">
        <v>0.24897939245301209</v>
      </c>
      <c r="Q372" s="89">
        <v>5.0930721709917304E-2</v>
      </c>
      <c r="R372" s="207">
        <v>2.6883600370042716E-2</v>
      </c>
      <c r="S372" s="89">
        <v>2.1061922204624918E-2</v>
      </c>
      <c r="T372" s="201">
        <v>288</v>
      </c>
      <c r="U372" s="207">
        <v>0.65872170074209335</v>
      </c>
      <c r="V372" s="89">
        <v>5.5578267888484481E-2</v>
      </c>
      <c r="W372" s="207">
        <v>0.16179004172721492</v>
      </c>
      <c r="X372" s="89">
        <v>4.3593140981659943E-2</v>
      </c>
      <c r="Y372" s="207">
        <v>0.11262492332311608</v>
      </c>
      <c r="Z372" s="89">
        <v>3.7748919743691177E-2</v>
      </c>
      <c r="AA372" s="207">
        <v>6.6863334207577785E-2</v>
      </c>
      <c r="AB372" s="89">
        <v>3.0407585512616617E-2</v>
      </c>
      <c r="AC372" s="201">
        <v>289</v>
      </c>
      <c r="AD372" s="207">
        <v>0.64745618926107351</v>
      </c>
      <c r="AE372" s="89">
        <v>5.5894378006281685E-2</v>
      </c>
      <c r="AF372" s="207">
        <v>0.1411682012104894</v>
      </c>
      <c r="AG372" s="89">
        <v>4.1265209195472635E-2</v>
      </c>
      <c r="AH372" s="207">
        <v>0.14439164602500465</v>
      </c>
      <c r="AI372" s="89">
        <v>4.1634176258145777E-2</v>
      </c>
      <c r="AJ372" s="207">
        <v>6.6983963503435037E-2</v>
      </c>
      <c r="AK372" s="89">
        <v>3.0374612017639174E-2</v>
      </c>
      <c r="AL372" s="201">
        <v>289</v>
      </c>
      <c r="AM372" s="207">
        <v>0.50916082930860629</v>
      </c>
      <c r="AN372" s="89">
        <v>5.841108349153365E-2</v>
      </c>
      <c r="AO372" s="207">
        <v>0.1808360085470693</v>
      </c>
      <c r="AP372" s="89">
        <v>4.5387474967235365E-2</v>
      </c>
      <c r="AQ372" s="207">
        <v>0.14252518166168446</v>
      </c>
      <c r="AR372" s="89">
        <v>4.1421340683519207E-2</v>
      </c>
      <c r="AS372" s="207">
        <v>0.16747798048264284</v>
      </c>
      <c r="AT372" s="89">
        <v>4.4095382115764352E-2</v>
      </c>
    </row>
    <row r="373" spans="1:46">
      <c r="A373" s="44" t="s">
        <v>557</v>
      </c>
      <c r="B373" s="204">
        <v>110</v>
      </c>
      <c r="C373" s="208">
        <v>0.21676200917372732</v>
      </c>
      <c r="D373" s="92">
        <v>7.842914127517972E-2</v>
      </c>
      <c r="E373" s="208">
        <v>0.14088308120024817</v>
      </c>
      <c r="F373" s="92">
        <v>6.7519051606177716E-2</v>
      </c>
      <c r="G373" s="208">
        <v>0.62630747200009618</v>
      </c>
      <c r="H373" s="92">
        <v>9.0833630567341825E-2</v>
      </c>
      <c r="I373" s="208">
        <v>1.6047437625929094E-2</v>
      </c>
      <c r="J373" s="92">
        <v>3.3475503145080708E-2</v>
      </c>
      <c r="K373" s="204">
        <v>112</v>
      </c>
      <c r="L373" s="208">
        <v>0.44011841462412343</v>
      </c>
      <c r="M373" s="92">
        <v>9.2224843096333414E-2</v>
      </c>
      <c r="N373" s="208">
        <v>0.15213141158892649</v>
      </c>
      <c r="O373" s="92">
        <v>6.8779820458166038E-2</v>
      </c>
      <c r="P373" s="208">
        <v>0.38693637982416645</v>
      </c>
      <c r="Q373" s="92">
        <v>9.060772406407927E-2</v>
      </c>
      <c r="R373" s="208">
        <v>2.0813793962784457E-2</v>
      </c>
      <c r="S373" s="92">
        <v>3.5205490657909844E-2</v>
      </c>
      <c r="T373" s="204">
        <v>111</v>
      </c>
      <c r="U373" s="208">
        <v>0.56236688349752006</v>
      </c>
      <c r="V373" s="92">
        <v>9.2572180793117048E-2</v>
      </c>
      <c r="W373" s="208">
        <v>0.14930547385249887</v>
      </c>
      <c r="X373" s="92">
        <v>6.8631378169603116E-2</v>
      </c>
      <c r="Y373" s="208">
        <v>0.21020775443535927</v>
      </c>
      <c r="Z373" s="92">
        <v>7.7293547465304549E-2</v>
      </c>
      <c r="AA373" s="208">
        <v>7.8119888214622596E-2</v>
      </c>
      <c r="AB373" s="92">
        <v>5.4112043667759277E-2</v>
      </c>
      <c r="AC373" s="204">
        <v>112</v>
      </c>
      <c r="AD373" s="208">
        <v>0.52761613086966574</v>
      </c>
      <c r="AE373" s="92">
        <v>9.2715552963181763E-2</v>
      </c>
      <c r="AF373" s="208">
        <v>0.20235091903444918</v>
      </c>
      <c r="AG373" s="92">
        <v>7.5978599097888289E-2</v>
      </c>
      <c r="AH373" s="208">
        <v>0.20701190018691368</v>
      </c>
      <c r="AI373" s="92">
        <v>7.655875403454597E-2</v>
      </c>
      <c r="AJ373" s="208">
        <v>6.3021049908972435E-2</v>
      </c>
      <c r="AK373" s="92">
        <v>4.9824295563011899E-2</v>
      </c>
      <c r="AL373" s="204">
        <v>112</v>
      </c>
      <c r="AM373" s="208">
        <v>0.44690053624900139</v>
      </c>
      <c r="AN373" s="92">
        <v>9.235828776812291E-2</v>
      </c>
      <c r="AO373" s="208">
        <v>0.21113525700279986</v>
      </c>
      <c r="AP373" s="92">
        <v>7.7060795582803529E-2</v>
      </c>
      <c r="AQ373" s="208">
        <v>0.20349933805782391</v>
      </c>
      <c r="AR373" s="92">
        <v>7.6122805697146523E-2</v>
      </c>
      <c r="AS373" s="208">
        <v>0.13846486869037578</v>
      </c>
      <c r="AT373" s="92">
        <v>6.6475624331008398E-2</v>
      </c>
    </row>
    <row r="374" spans="1:46">
      <c r="A374" s="52" t="s">
        <v>558</v>
      </c>
      <c r="B374" s="201">
        <v>114</v>
      </c>
      <c r="C374" s="207">
        <v>0.29542690974109564</v>
      </c>
      <c r="D374" s="89">
        <v>8.4560490673291078E-2</v>
      </c>
      <c r="E374" s="207">
        <v>0.20416623397864625</v>
      </c>
      <c r="F374" s="89">
        <v>7.5535425427568179E-2</v>
      </c>
      <c r="G374" s="207">
        <v>0.49940230035774741</v>
      </c>
      <c r="H374" s="89">
        <v>9.2057400399382358E-2</v>
      </c>
      <c r="I374" s="207">
        <v>1.0045559225110344E-3</v>
      </c>
      <c r="J374" s="89">
        <v>2.4424592816592421E-2</v>
      </c>
      <c r="K374" s="201">
        <v>112</v>
      </c>
      <c r="L374" s="207">
        <v>0.61429190455988636</v>
      </c>
      <c r="M374" s="89">
        <v>9.0558173333534581E-2</v>
      </c>
      <c r="N374" s="207">
        <v>0.17497383288819482</v>
      </c>
      <c r="O374" s="89">
        <v>7.228249937273E-2</v>
      </c>
      <c r="P374" s="207">
        <v>0.18154480410663346</v>
      </c>
      <c r="Q374" s="89">
        <v>7.3216671891774596E-2</v>
      </c>
      <c r="R374" s="207">
        <v>2.9189458445285931E-2</v>
      </c>
      <c r="S374" s="89">
        <v>3.8667877271481611E-2</v>
      </c>
      <c r="T374" s="201">
        <v>114</v>
      </c>
      <c r="U374" s="207">
        <v>0.75753357113654607</v>
      </c>
      <c r="V374" s="89">
        <v>7.985086923899383E-2</v>
      </c>
      <c r="W374" s="207">
        <v>0.11337969200566871</v>
      </c>
      <c r="X374" s="89">
        <v>6.1199006378822876E-2</v>
      </c>
      <c r="Y374" s="207">
        <v>5.6936837549331508E-2</v>
      </c>
      <c r="Z374" s="89">
        <v>4.75780437383495E-2</v>
      </c>
      <c r="AA374" s="207">
        <v>7.214989930845403E-2</v>
      </c>
      <c r="AB374" s="89">
        <v>5.1796374273374815E-2</v>
      </c>
      <c r="AC374" s="201">
        <v>113</v>
      </c>
      <c r="AD374" s="207">
        <v>0.66859609814992593</v>
      </c>
      <c r="AE374" s="89">
        <v>8.7410163459025539E-2</v>
      </c>
      <c r="AF374" s="207">
        <v>0.12694910684419275</v>
      </c>
      <c r="AG374" s="89">
        <v>6.4100898009678359E-2</v>
      </c>
      <c r="AH374" s="207">
        <v>0.12546477761006755</v>
      </c>
      <c r="AI374" s="89">
        <v>6.3824270885412468E-2</v>
      </c>
      <c r="AJ374" s="207">
        <v>7.8990017395814252E-2</v>
      </c>
      <c r="AK374" s="89">
        <v>5.3800212583795512E-2</v>
      </c>
      <c r="AL374" s="201">
        <v>113</v>
      </c>
      <c r="AM374" s="207">
        <v>0.56637693103428244</v>
      </c>
      <c r="AN374" s="89">
        <v>9.1686983525896201E-2</v>
      </c>
      <c r="AO374" s="207">
        <v>0.11863908089754484</v>
      </c>
      <c r="AP374" s="89">
        <v>6.2521985913263897E-2</v>
      </c>
      <c r="AQ374" s="207">
        <v>0.12589968011782232</v>
      </c>
      <c r="AR374" s="89">
        <v>6.3905559423212549E-2</v>
      </c>
      <c r="AS374" s="207">
        <v>0.18908430795035089</v>
      </c>
      <c r="AT374" s="89">
        <v>7.3920322247667689E-2</v>
      </c>
    </row>
    <row r="375" spans="1:46">
      <c r="A375" s="44" t="s">
        <v>549</v>
      </c>
      <c r="B375" s="204">
        <v>62</v>
      </c>
      <c r="C375" s="208">
        <v>0.26944007272283427</v>
      </c>
      <c r="D375" s="92">
        <v>0.1109436781529184</v>
      </c>
      <c r="E375" s="208">
        <v>0.17188643333742923</v>
      </c>
      <c r="F375" s="92">
        <v>9.6920950030578226E-2</v>
      </c>
      <c r="G375" s="208">
        <v>0.55867349393973664</v>
      </c>
      <c r="H375" s="92">
        <v>0.12234131552214271</v>
      </c>
      <c r="I375" s="208">
        <v>0</v>
      </c>
      <c r="J375" s="92">
        <v>4.2200643868047963E-2</v>
      </c>
      <c r="K375" s="204">
        <v>63</v>
      </c>
      <c r="L375" s="208">
        <v>0.70259357602419437</v>
      </c>
      <c r="M375" s="92">
        <v>0.11295497595712756</v>
      </c>
      <c r="N375" s="208">
        <v>0.15214343572757813</v>
      </c>
      <c r="O375" s="92">
        <v>9.2401712433914943E-2</v>
      </c>
      <c r="P375" s="208">
        <v>0.11126098302349713</v>
      </c>
      <c r="Q375" s="92">
        <v>8.3357634322168292E-2</v>
      </c>
      <c r="R375" s="208">
        <v>3.4002005224730188E-2</v>
      </c>
      <c r="S375" s="92">
        <v>5.8844964418986546E-2</v>
      </c>
      <c r="T375" s="204">
        <v>63</v>
      </c>
      <c r="U375" s="208">
        <v>0.66750597179748572</v>
      </c>
      <c r="V375" s="92">
        <v>0.11594954671127271</v>
      </c>
      <c r="W375" s="208">
        <v>0.26375172689689813</v>
      </c>
      <c r="X375" s="92">
        <v>0.10944966493050996</v>
      </c>
      <c r="Y375" s="208">
        <v>3.0625902102520749E-2</v>
      </c>
      <c r="Z375" s="92">
        <v>5.7411123101180461E-2</v>
      </c>
      <c r="AA375" s="208">
        <v>3.8116399203095355E-2</v>
      </c>
      <c r="AB375" s="92">
        <v>6.0533035845782068E-2</v>
      </c>
      <c r="AC375" s="204">
        <v>64</v>
      </c>
      <c r="AD375" s="208">
        <v>0.8237508128934049</v>
      </c>
      <c r="AE375" s="92">
        <v>9.6147515037028661E-2</v>
      </c>
      <c r="AF375" s="208">
        <v>5.6625841102307152E-2</v>
      </c>
      <c r="AG375" s="92">
        <v>6.6803610354193146E-2</v>
      </c>
      <c r="AH375" s="208">
        <v>6.4835557367216953E-2</v>
      </c>
      <c r="AI375" s="92">
        <v>6.9559646021360833E-2</v>
      </c>
      <c r="AJ375" s="208">
        <v>5.4787788637070997E-2</v>
      </c>
      <c r="AK375" s="92">
        <v>6.616357157555626E-2</v>
      </c>
      <c r="AL375" s="204">
        <v>64</v>
      </c>
      <c r="AM375" s="208">
        <v>0.52716214727233413</v>
      </c>
      <c r="AN375" s="92">
        <v>0.12110920273648235</v>
      </c>
      <c r="AO375" s="208">
        <v>0.22677055910984328</v>
      </c>
      <c r="AP375" s="92">
        <v>0.10399949524832713</v>
      </c>
      <c r="AQ375" s="208">
        <v>6.2150409725825188E-2</v>
      </c>
      <c r="AR375" s="92">
        <v>6.8676032306663304E-2</v>
      </c>
      <c r="AS375" s="208">
        <v>0.18391688389199745</v>
      </c>
      <c r="AT375" s="92">
        <v>9.7467854392932193E-2</v>
      </c>
    </row>
    <row r="376" spans="1:46">
      <c r="A376" s="52" t="s">
        <v>550</v>
      </c>
      <c r="B376" s="201">
        <v>161</v>
      </c>
      <c r="C376" s="207">
        <v>0.24655871574252772</v>
      </c>
      <c r="D376" s="89">
        <v>6.7661200304179547E-2</v>
      </c>
      <c r="E376" s="207">
        <v>0.25507285646216887</v>
      </c>
      <c r="F376" s="89">
        <v>6.8381108738062288E-2</v>
      </c>
      <c r="G376" s="207">
        <v>0.47743355065241422</v>
      </c>
      <c r="H376" s="89">
        <v>7.7774366226890795E-2</v>
      </c>
      <c r="I376" s="207">
        <v>2.0934877142888858E-2</v>
      </c>
      <c r="J376" s="89">
        <v>2.7629219149209312E-2</v>
      </c>
      <c r="K376" s="201">
        <v>161</v>
      </c>
      <c r="L376" s="207">
        <v>0.46738841784379631</v>
      </c>
      <c r="M376" s="89">
        <v>7.769207659210639E-2</v>
      </c>
      <c r="N376" s="207">
        <v>0.26269149948947251</v>
      </c>
      <c r="O376" s="89">
        <v>6.8998378428899956E-2</v>
      </c>
      <c r="P376" s="207">
        <v>0.17935962024299085</v>
      </c>
      <c r="Q376" s="89">
        <v>6.0725725232064882E-2</v>
      </c>
      <c r="R376" s="207">
        <v>9.0560462423739885E-2</v>
      </c>
      <c r="S376" s="89">
        <v>4.6810715959982388E-2</v>
      </c>
      <c r="T376" s="201">
        <v>160</v>
      </c>
      <c r="U376" s="207">
        <v>0.69618000292811344</v>
      </c>
      <c r="V376" s="89">
        <v>7.2139415531073836E-2</v>
      </c>
      <c r="W376" s="207">
        <v>0.10178719602039156</v>
      </c>
      <c r="X376" s="89">
        <v>4.9155680903496347E-2</v>
      </c>
      <c r="Y376" s="207">
        <v>7.134508420462872E-2</v>
      </c>
      <c r="Z376" s="89">
        <v>4.280096554386454E-2</v>
      </c>
      <c r="AA376" s="207">
        <v>0.13068771684686609</v>
      </c>
      <c r="AB376" s="89">
        <v>5.4140861288820737E-2</v>
      </c>
      <c r="AC376" s="201">
        <v>161</v>
      </c>
      <c r="AD376" s="207">
        <v>0.69041254031253174</v>
      </c>
      <c r="AE376" s="89">
        <v>7.2275511338183551E-2</v>
      </c>
      <c r="AF376" s="207">
        <v>0.11279538048487091</v>
      </c>
      <c r="AG376" s="89">
        <v>5.0991069717893966E-2</v>
      </c>
      <c r="AH376" s="207">
        <v>7.5331565028049302E-2</v>
      </c>
      <c r="AI376" s="89">
        <v>4.3566640020497892E-2</v>
      </c>
      <c r="AJ376" s="207">
        <v>0.12146051417454781</v>
      </c>
      <c r="AK376" s="89">
        <v>5.247132397477814E-2</v>
      </c>
      <c r="AL376" s="201">
        <v>161</v>
      </c>
      <c r="AM376" s="207">
        <v>0.52389833372959049</v>
      </c>
      <c r="AN376" s="89">
        <v>7.7765182699706684E-2</v>
      </c>
      <c r="AO376" s="207">
        <v>0.16363869771827935</v>
      </c>
      <c r="AP376" s="89">
        <v>5.8730015412147986E-2</v>
      </c>
      <c r="AQ376" s="207">
        <v>0.12464016673366821</v>
      </c>
      <c r="AR376" s="89">
        <v>5.299593242342869E-2</v>
      </c>
      <c r="AS376" s="207">
        <v>0.18782280181846167</v>
      </c>
      <c r="AT376" s="89">
        <v>6.1735151816268839E-2</v>
      </c>
    </row>
    <row r="377" spans="1:46">
      <c r="A377" s="44" t="s">
        <v>551</v>
      </c>
      <c r="B377" s="204">
        <v>663</v>
      </c>
      <c r="C377" s="208">
        <v>0.14436015756266798</v>
      </c>
      <c r="D377" s="92">
        <v>2.7382870538721155E-2</v>
      </c>
      <c r="E377" s="208">
        <v>0.15057837407953359</v>
      </c>
      <c r="F377" s="92">
        <v>2.7853175740965474E-2</v>
      </c>
      <c r="G377" s="208">
        <v>0.68904048880897617</v>
      </c>
      <c r="H377" s="92">
        <v>3.5881784058209978E-2</v>
      </c>
      <c r="I377" s="208">
        <v>1.6020979548828928E-2</v>
      </c>
      <c r="J377" s="92">
        <v>1.0551595884444714E-2</v>
      </c>
      <c r="K377" s="204">
        <v>679</v>
      </c>
      <c r="L377" s="208">
        <v>0.32835825102879468</v>
      </c>
      <c r="M377" s="92">
        <v>3.5966730669730856E-2</v>
      </c>
      <c r="N377" s="208">
        <v>0.20705912069177621</v>
      </c>
      <c r="O377" s="92">
        <v>3.1103458788589437E-2</v>
      </c>
      <c r="P377" s="208">
        <v>0.40775420308672333</v>
      </c>
      <c r="Q377" s="92">
        <v>3.761483855941733E-2</v>
      </c>
      <c r="R377" s="208">
        <v>5.6828425192708858E-2</v>
      </c>
      <c r="S377" s="92">
        <v>1.8092437196533126E-2</v>
      </c>
      <c r="T377" s="204">
        <v>682</v>
      </c>
      <c r="U377" s="208">
        <v>0.34691026459522156</v>
      </c>
      <c r="V377" s="92">
        <v>3.6368381459842794E-2</v>
      </c>
      <c r="W377" s="208">
        <v>0.15030816121087989</v>
      </c>
      <c r="X377" s="92">
        <v>2.7440634806614975E-2</v>
      </c>
      <c r="Y377" s="208">
        <v>0.35988694054502202</v>
      </c>
      <c r="Z377" s="92">
        <v>3.6668605255777101E-2</v>
      </c>
      <c r="AA377" s="208">
        <v>0.14289463364887853</v>
      </c>
      <c r="AB377" s="92">
        <v>2.6884764861071907E-2</v>
      </c>
      <c r="AC377" s="204">
        <v>683</v>
      </c>
      <c r="AD377" s="208">
        <v>0.35936144734733522</v>
      </c>
      <c r="AE377" s="92">
        <v>3.6630294450423949E-2</v>
      </c>
      <c r="AF377" s="208">
        <v>0.17159805259305788</v>
      </c>
      <c r="AG377" s="92">
        <v>2.8895673900228798E-2</v>
      </c>
      <c r="AH377" s="208">
        <v>0.34197464621664003</v>
      </c>
      <c r="AI377" s="92">
        <v>3.6220088670518638E-2</v>
      </c>
      <c r="AJ377" s="208">
        <v>0.12706585384296887</v>
      </c>
      <c r="AK377" s="92">
        <v>2.559737177637654E-2</v>
      </c>
      <c r="AL377" s="204">
        <v>681</v>
      </c>
      <c r="AM377" s="208">
        <v>0.28449401249885331</v>
      </c>
      <c r="AN377" s="92">
        <v>3.45226453748224E-2</v>
      </c>
      <c r="AO377" s="208">
        <v>0.15881798909569225</v>
      </c>
      <c r="AP377" s="92">
        <v>2.8071893368432993E-2</v>
      </c>
      <c r="AQ377" s="208">
        <v>0.35510208673053312</v>
      </c>
      <c r="AR377" s="92">
        <v>3.6587986590936074E-2</v>
      </c>
      <c r="AS377" s="208">
        <v>0.2015859116749236</v>
      </c>
      <c r="AT377" s="92">
        <v>3.0755547281124691E-2</v>
      </c>
    </row>
    <row r="380" spans="1:46" ht="18.75">
      <c r="A380" s="342" t="s">
        <v>16</v>
      </c>
      <c r="B380" s="342"/>
      <c r="C380" s="342"/>
      <c r="D380" s="342"/>
    </row>
    <row r="381" spans="1:46" ht="114.75" customHeight="1">
      <c r="A381" s="424" t="s">
        <v>434</v>
      </c>
      <c r="B381" s="424"/>
      <c r="C381" s="424"/>
      <c r="D381" s="424"/>
    </row>
    <row r="382" spans="1:46" ht="38.25" customHeight="1">
      <c r="A382" s="397" t="s">
        <v>147</v>
      </c>
      <c r="B382" s="397"/>
      <c r="C382" s="397"/>
      <c r="D382" s="397"/>
    </row>
    <row r="383" spans="1:46" ht="40.5" customHeight="1">
      <c r="A383" s="32" t="s">
        <v>71</v>
      </c>
      <c r="B383" s="33" t="s">
        <v>72</v>
      </c>
      <c r="C383" s="34" t="s">
        <v>592</v>
      </c>
      <c r="D383" s="35" t="s">
        <v>73</v>
      </c>
    </row>
    <row r="384" spans="1:46" ht="72">
      <c r="A384" s="36"/>
      <c r="B384" s="37" t="s">
        <v>74</v>
      </c>
      <c r="C384" s="123" t="s">
        <v>148</v>
      </c>
      <c r="D384" s="39" t="s">
        <v>76</v>
      </c>
    </row>
    <row r="385" spans="1:4">
      <c r="A385" s="40" t="s">
        <v>350</v>
      </c>
      <c r="B385" s="209">
        <v>13959</v>
      </c>
      <c r="C385" s="79">
        <v>5.6012533169521053</v>
      </c>
      <c r="D385" s="80">
        <v>1.9371258520782125E-2</v>
      </c>
    </row>
    <row r="386" spans="1:4">
      <c r="A386" s="44" t="s">
        <v>351</v>
      </c>
      <c r="B386" s="44">
        <v>10157</v>
      </c>
      <c r="C386" s="211">
        <v>5.7669028938476252</v>
      </c>
      <c r="D386" s="212">
        <v>2.1718988611070283E-2</v>
      </c>
    </row>
    <row r="387" spans="1:4">
      <c r="A387" s="40" t="s">
        <v>352</v>
      </c>
      <c r="B387" s="48">
        <v>3802</v>
      </c>
      <c r="C387" s="79">
        <v>5.4704374696305491</v>
      </c>
      <c r="D387" s="80">
        <v>4.0200710211838943E-2</v>
      </c>
    </row>
    <row r="388" spans="1:4">
      <c r="A388" s="44" t="s">
        <v>555</v>
      </c>
      <c r="B388" s="44">
        <v>3605</v>
      </c>
      <c r="C388" s="211">
        <v>5.5975401629469594</v>
      </c>
      <c r="D388" s="212">
        <v>3.780116441075336E-2</v>
      </c>
    </row>
    <row r="389" spans="1:4">
      <c r="A389" s="40" t="s">
        <v>556</v>
      </c>
      <c r="B389" s="48">
        <v>2950</v>
      </c>
      <c r="C389" s="79">
        <v>5.8300164337958895</v>
      </c>
      <c r="D389" s="80">
        <v>4.0213620886526837E-2</v>
      </c>
    </row>
    <row r="390" spans="1:4">
      <c r="A390" s="44" t="s">
        <v>536</v>
      </c>
      <c r="B390" s="44">
        <v>327</v>
      </c>
      <c r="C390" s="211">
        <v>5.8858807040630099</v>
      </c>
      <c r="D390" s="212">
        <v>0.12456099861547448</v>
      </c>
    </row>
    <row r="391" spans="1:4">
      <c r="A391" s="40" t="s">
        <v>537</v>
      </c>
      <c r="B391" s="48">
        <v>163</v>
      </c>
      <c r="C391" s="79">
        <v>6.0263228820339263</v>
      </c>
      <c r="D391" s="80">
        <v>0.15512542519932296</v>
      </c>
    </row>
    <row r="392" spans="1:4">
      <c r="A392" s="44" t="s">
        <v>538</v>
      </c>
      <c r="B392" s="44">
        <v>88</v>
      </c>
      <c r="C392" s="211">
        <v>5.5165552279791674</v>
      </c>
      <c r="D392" s="212">
        <v>0.27433693822721195</v>
      </c>
    </row>
    <row r="393" spans="1:4">
      <c r="A393" s="40" t="s">
        <v>539</v>
      </c>
      <c r="B393" s="48">
        <v>242</v>
      </c>
      <c r="C393" s="79">
        <v>5.5710966850080403</v>
      </c>
      <c r="D393" s="80">
        <v>0.16735186280838016</v>
      </c>
    </row>
    <row r="394" spans="1:4">
      <c r="A394" s="44" t="s">
        <v>540</v>
      </c>
      <c r="B394" s="44">
        <v>80</v>
      </c>
      <c r="C394" s="211">
        <v>5.1648116533204558</v>
      </c>
      <c r="D394" s="212">
        <v>0.31465588329874705</v>
      </c>
    </row>
    <row r="395" spans="1:4" ht="25.5">
      <c r="A395" s="40" t="s">
        <v>541</v>
      </c>
      <c r="B395" s="209">
        <v>92</v>
      </c>
      <c r="C395" s="79">
        <v>5.904601964124625</v>
      </c>
      <c r="D395" s="80">
        <v>0.2467796431379623</v>
      </c>
    </row>
    <row r="396" spans="1:4">
      <c r="A396" s="44" t="s">
        <v>542</v>
      </c>
      <c r="B396" s="210">
        <v>70</v>
      </c>
      <c r="C396" s="211">
        <v>5.6124001777568573</v>
      </c>
      <c r="D396" s="212">
        <v>0.27618944932104861</v>
      </c>
    </row>
    <row r="397" spans="1:4">
      <c r="A397" s="40" t="s">
        <v>543</v>
      </c>
      <c r="B397" s="78">
        <v>477</v>
      </c>
      <c r="C397" s="79">
        <v>5.750178446960458</v>
      </c>
      <c r="D397" s="80">
        <v>0.10044897219420769</v>
      </c>
    </row>
    <row r="398" spans="1:4">
      <c r="A398" s="44" t="s">
        <v>616</v>
      </c>
      <c r="B398" s="210">
        <v>246</v>
      </c>
      <c r="C398" s="211">
        <v>5.6647003433523988</v>
      </c>
      <c r="D398" s="212">
        <v>0.14575003040839127</v>
      </c>
    </row>
    <row r="399" spans="1:4">
      <c r="A399" s="52" t="s">
        <v>544</v>
      </c>
      <c r="B399" s="209">
        <v>231</v>
      </c>
      <c r="C399" s="79">
        <v>5.8272358888420541</v>
      </c>
      <c r="D399" s="80">
        <v>0.13686712625129807</v>
      </c>
    </row>
    <row r="400" spans="1:4">
      <c r="A400" s="44" t="s">
        <v>545</v>
      </c>
      <c r="B400" s="210">
        <v>111</v>
      </c>
      <c r="C400" s="211">
        <v>6.1180984146550319</v>
      </c>
      <c r="D400" s="212">
        <v>0.15532038653457989</v>
      </c>
    </row>
    <row r="401" spans="1:38">
      <c r="A401" s="52" t="s">
        <v>546</v>
      </c>
      <c r="B401" s="209">
        <v>287</v>
      </c>
      <c r="C401" s="79">
        <v>5.7675514203095837</v>
      </c>
      <c r="D401" s="80">
        <v>0.13386815274194511</v>
      </c>
    </row>
    <row r="402" spans="1:38">
      <c r="A402" s="44" t="s">
        <v>557</v>
      </c>
      <c r="B402" s="210">
        <v>112</v>
      </c>
      <c r="C402" s="211">
        <v>6.0562053345620406</v>
      </c>
      <c r="D402" s="212">
        <v>0.21568059281752294</v>
      </c>
    </row>
    <row r="403" spans="1:38">
      <c r="A403" s="52" t="s">
        <v>558</v>
      </c>
      <c r="B403" s="209">
        <v>112</v>
      </c>
      <c r="C403" s="79">
        <v>5.5359531145314582</v>
      </c>
      <c r="D403" s="80">
        <v>0.22380803934616814</v>
      </c>
    </row>
    <row r="404" spans="1:38">
      <c r="A404" s="44" t="s">
        <v>549</v>
      </c>
      <c r="B404" s="210">
        <v>63</v>
      </c>
      <c r="C404" s="211">
        <v>5.6361098011812167</v>
      </c>
      <c r="D404" s="212">
        <v>0.24990260503835485</v>
      </c>
    </row>
    <row r="405" spans="1:38">
      <c r="A405" s="52" t="s">
        <v>550</v>
      </c>
      <c r="B405" s="209">
        <v>160</v>
      </c>
      <c r="C405" s="79">
        <v>5.9054247839259446</v>
      </c>
      <c r="D405" s="80">
        <v>0.15542158112968918</v>
      </c>
    </row>
    <row r="406" spans="1:38">
      <c r="A406" s="44" t="s">
        <v>551</v>
      </c>
      <c r="B406" s="210">
        <v>679</v>
      </c>
      <c r="C406" s="211">
        <v>5.4384201628006936</v>
      </c>
      <c r="D406" s="212">
        <v>9.8204598418795419E-2</v>
      </c>
    </row>
    <row r="407" spans="1:38">
      <c r="P407" s="242"/>
      <c r="Q407" s="242"/>
      <c r="R407" s="242"/>
      <c r="S407" s="242"/>
      <c r="T407" s="242"/>
      <c r="U407" s="242"/>
      <c r="V407" s="242"/>
      <c r="W407" s="242"/>
      <c r="X407" s="242"/>
      <c r="Y407" s="242"/>
      <c r="Z407" s="242"/>
      <c r="AA407" s="242"/>
      <c r="AB407" s="242"/>
      <c r="AC407" s="242"/>
      <c r="AD407" s="242"/>
      <c r="AE407" s="242"/>
      <c r="AF407" s="242"/>
      <c r="AG407" s="242"/>
      <c r="AH407" s="242"/>
    </row>
    <row r="408" spans="1:38">
      <c r="P408" s="242"/>
      <c r="Q408" s="242"/>
      <c r="R408" s="242"/>
      <c r="S408" s="242"/>
      <c r="T408" s="242"/>
      <c r="U408" s="242"/>
      <c r="V408" s="242"/>
      <c r="W408" s="242"/>
      <c r="X408" s="242"/>
      <c r="Y408" s="242"/>
      <c r="Z408" s="242"/>
      <c r="AA408" s="242"/>
      <c r="AB408" s="242"/>
      <c r="AC408" s="242"/>
      <c r="AD408" s="242"/>
      <c r="AE408" s="242"/>
      <c r="AF408" s="242"/>
      <c r="AG408" s="242"/>
      <c r="AH408" s="242"/>
    </row>
    <row r="409" spans="1:38" ht="18.75">
      <c r="A409" s="342" t="s">
        <v>51</v>
      </c>
      <c r="B409" s="342"/>
      <c r="C409" s="342"/>
      <c r="D409" s="342"/>
      <c r="E409" s="342"/>
      <c r="F409" s="342"/>
      <c r="G409" s="342"/>
      <c r="H409" s="342"/>
      <c r="I409" s="342"/>
      <c r="J409" s="342"/>
      <c r="K409" s="342"/>
      <c r="L409" s="342"/>
      <c r="M409" s="342"/>
      <c r="N409" s="342"/>
      <c r="O409" s="342"/>
      <c r="P409" s="342"/>
      <c r="Q409" s="342"/>
      <c r="R409" s="342"/>
      <c r="S409" s="342"/>
      <c r="T409" s="342"/>
      <c r="U409" s="342"/>
      <c r="V409" s="342"/>
      <c r="W409" s="342"/>
      <c r="X409" s="342"/>
      <c r="Y409" s="342"/>
      <c r="Z409" s="342"/>
      <c r="AA409" s="342"/>
      <c r="AB409" s="342"/>
      <c r="AC409" s="242"/>
      <c r="AD409" s="242"/>
      <c r="AE409" s="242"/>
      <c r="AF409" s="242"/>
      <c r="AG409" s="242"/>
      <c r="AH409" s="242"/>
    </row>
    <row r="410" spans="1:38" ht="63" customHeight="1">
      <c r="A410" s="413" t="s">
        <v>605</v>
      </c>
      <c r="B410" s="413"/>
      <c r="C410" s="413"/>
      <c r="D410" s="413"/>
      <c r="E410" s="413"/>
      <c r="F410" s="413"/>
      <c r="G410" s="413"/>
      <c r="H410" s="413"/>
      <c r="I410" s="413"/>
      <c r="J410" s="413"/>
      <c r="K410" s="413"/>
      <c r="L410" s="413"/>
      <c r="M410" s="413"/>
      <c r="N410" s="413"/>
      <c r="O410" s="413"/>
      <c r="P410" s="413"/>
      <c r="Q410" s="413"/>
      <c r="R410" s="413"/>
      <c r="S410" s="413"/>
      <c r="T410" s="413"/>
      <c r="U410" s="413"/>
      <c r="V410" s="413"/>
      <c r="W410" s="413"/>
      <c r="X410" s="413"/>
      <c r="Y410" s="413"/>
      <c r="Z410" s="413"/>
      <c r="AA410" s="413"/>
      <c r="AB410" s="413"/>
      <c r="AC410" s="242"/>
      <c r="AD410" s="242"/>
      <c r="AE410" s="242"/>
      <c r="AF410" s="242"/>
      <c r="AG410" s="242"/>
      <c r="AH410" s="242"/>
    </row>
    <row r="411" spans="1:38" ht="35.25" customHeight="1">
      <c r="A411" s="59"/>
      <c r="B411" s="392" t="s">
        <v>435</v>
      </c>
      <c r="C411" s="393"/>
      <c r="D411" s="393"/>
      <c r="E411" s="393"/>
      <c r="F411" s="393"/>
      <c r="G411" s="393"/>
      <c r="H411" s="393"/>
      <c r="I411" s="393"/>
      <c r="J411" s="394"/>
      <c r="K411" s="392" t="s">
        <v>436</v>
      </c>
      <c r="L411" s="393"/>
      <c r="M411" s="393"/>
      <c r="N411" s="393"/>
      <c r="O411" s="393"/>
      <c r="P411" s="393"/>
      <c r="Q411" s="393"/>
      <c r="R411" s="393"/>
      <c r="S411" s="394"/>
      <c r="T411" s="392" t="s">
        <v>437</v>
      </c>
      <c r="U411" s="393"/>
      <c r="V411" s="393"/>
      <c r="W411" s="393"/>
      <c r="X411" s="393"/>
      <c r="Y411" s="393"/>
      <c r="Z411" s="393"/>
      <c r="AA411" s="393"/>
      <c r="AB411" s="394"/>
      <c r="AC411" s="242"/>
      <c r="AD411" s="242"/>
      <c r="AE411" s="242"/>
      <c r="AF411" s="242"/>
      <c r="AG411" s="242"/>
      <c r="AH411" s="242"/>
      <c r="AI411" s="242"/>
      <c r="AJ411" s="242"/>
      <c r="AK411" s="242"/>
      <c r="AL411" s="242"/>
    </row>
    <row r="412" spans="1:38" ht="59.25" customHeight="1">
      <c r="A412" s="32" t="s">
        <v>71</v>
      </c>
      <c r="B412" s="33" t="s">
        <v>72</v>
      </c>
      <c r="C412" s="33" t="s">
        <v>472</v>
      </c>
      <c r="D412" s="84" t="s">
        <v>473</v>
      </c>
      <c r="E412" s="33" t="s">
        <v>474</v>
      </c>
      <c r="F412" s="84" t="s">
        <v>475</v>
      </c>
      <c r="G412" s="33" t="s">
        <v>476</v>
      </c>
      <c r="H412" s="84" t="s">
        <v>477</v>
      </c>
      <c r="I412" s="33" t="s">
        <v>301</v>
      </c>
      <c r="J412" s="84" t="s">
        <v>315</v>
      </c>
      <c r="K412" s="60" t="s">
        <v>72</v>
      </c>
      <c r="L412" s="60" t="s">
        <v>472</v>
      </c>
      <c r="M412" s="83" t="s">
        <v>473</v>
      </c>
      <c r="N412" s="60" t="s">
        <v>474</v>
      </c>
      <c r="O412" s="83" t="s">
        <v>475</v>
      </c>
      <c r="P412" s="60" t="s">
        <v>476</v>
      </c>
      <c r="Q412" s="83" t="s">
        <v>477</v>
      </c>
      <c r="R412" s="60" t="s">
        <v>301</v>
      </c>
      <c r="S412" s="83" t="s">
        <v>315</v>
      </c>
      <c r="T412" s="33" t="s">
        <v>72</v>
      </c>
      <c r="U412" s="33" t="s">
        <v>472</v>
      </c>
      <c r="V412" s="84" t="s">
        <v>473</v>
      </c>
      <c r="W412" s="33" t="s">
        <v>474</v>
      </c>
      <c r="X412" s="84" t="s">
        <v>475</v>
      </c>
      <c r="Y412" s="33" t="s">
        <v>476</v>
      </c>
      <c r="Z412" s="84" t="s">
        <v>477</v>
      </c>
      <c r="AA412" s="33" t="s">
        <v>301</v>
      </c>
      <c r="AB412" s="84" t="s">
        <v>315</v>
      </c>
      <c r="AC412" s="242"/>
      <c r="AD412" s="242"/>
      <c r="AE412" s="242"/>
      <c r="AF412" s="242"/>
      <c r="AG412" s="242"/>
      <c r="AH412" s="242"/>
      <c r="AI412" s="242"/>
      <c r="AJ412" s="242"/>
      <c r="AK412" s="242"/>
      <c r="AL412" s="242"/>
    </row>
    <row r="413" spans="1:38" ht="72">
      <c r="A413" s="36"/>
      <c r="B413" s="37" t="s">
        <v>74</v>
      </c>
      <c r="C413" s="37" t="s">
        <v>159</v>
      </c>
      <c r="D413" s="86" t="s">
        <v>88</v>
      </c>
      <c r="E413" s="37" t="s">
        <v>160</v>
      </c>
      <c r="F413" s="86" t="s">
        <v>88</v>
      </c>
      <c r="G413" s="37" t="s">
        <v>161</v>
      </c>
      <c r="H413" s="86" t="s">
        <v>88</v>
      </c>
      <c r="I413" s="37" t="s">
        <v>301</v>
      </c>
      <c r="J413" s="86" t="s">
        <v>88</v>
      </c>
      <c r="K413" s="63" t="s">
        <v>74</v>
      </c>
      <c r="L413" s="63" t="s">
        <v>159</v>
      </c>
      <c r="M413" s="85" t="s">
        <v>88</v>
      </c>
      <c r="N413" s="63" t="s">
        <v>160</v>
      </c>
      <c r="O413" s="85" t="s">
        <v>88</v>
      </c>
      <c r="P413" s="63" t="s">
        <v>161</v>
      </c>
      <c r="Q413" s="255" t="s">
        <v>88</v>
      </c>
      <c r="R413" s="63" t="s">
        <v>301</v>
      </c>
      <c r="S413" s="85" t="s">
        <v>88</v>
      </c>
      <c r="T413" s="37" t="s">
        <v>74</v>
      </c>
      <c r="U413" s="37" t="s">
        <v>159</v>
      </c>
      <c r="V413" s="86" t="s">
        <v>88</v>
      </c>
      <c r="W413" s="37" t="s">
        <v>160</v>
      </c>
      <c r="X413" s="86" t="s">
        <v>88</v>
      </c>
      <c r="Y413" s="37" t="s">
        <v>161</v>
      </c>
      <c r="Z413" s="86" t="s">
        <v>88</v>
      </c>
      <c r="AA413" s="37" t="s">
        <v>301</v>
      </c>
      <c r="AB413" s="86" t="s">
        <v>88</v>
      </c>
    </row>
    <row r="414" spans="1:38">
      <c r="A414" s="40" t="s">
        <v>350</v>
      </c>
      <c r="B414" s="209">
        <v>13997</v>
      </c>
      <c r="C414" s="213">
        <v>6.9488905960501821E-2</v>
      </c>
      <c r="D414" s="89">
        <v>4.3015431734890405E-3</v>
      </c>
      <c r="E414" s="213">
        <v>9.03302013597507E-2</v>
      </c>
      <c r="F414" s="89">
        <v>4.8479940551183825E-3</v>
      </c>
      <c r="G414" s="213">
        <v>0.83164784616154475</v>
      </c>
      <c r="H414" s="89">
        <v>6.3259677926820529E-3</v>
      </c>
      <c r="I414" s="213">
        <v>8.5330465182073927E-3</v>
      </c>
      <c r="J414" s="89">
        <v>1.567310040528438E-3</v>
      </c>
      <c r="K414" s="209">
        <v>13984</v>
      </c>
      <c r="L414" s="215">
        <v>0.12446767803727543</v>
      </c>
      <c r="M414" s="89">
        <v>5.5844087823388308E-3</v>
      </c>
      <c r="N414" s="213">
        <v>0.1510313263365608</v>
      </c>
      <c r="O414" s="89">
        <v>6.0568865231893816E-3</v>
      </c>
      <c r="P414" s="213">
        <v>0.71476908749387102</v>
      </c>
      <c r="Q414" s="256">
        <v>7.635921449937598E-3</v>
      </c>
      <c r="R414" s="213">
        <v>9.7319081323008864E-3</v>
      </c>
      <c r="S414" s="89">
        <v>1.6718707998115148E-3</v>
      </c>
      <c r="T414" s="209">
        <v>13984</v>
      </c>
      <c r="U414" s="213">
        <v>7.0603419523601108E-2</v>
      </c>
      <c r="V414" s="89">
        <v>4.3352507258003267E-3</v>
      </c>
      <c r="W414" s="213">
        <v>9.140734923529395E-2</v>
      </c>
      <c r="X414" s="89">
        <v>4.8761472847168707E-3</v>
      </c>
      <c r="Y414" s="213">
        <v>0.82779566732645504</v>
      </c>
      <c r="Z414" s="89">
        <v>6.3860067472446937E-3</v>
      </c>
      <c r="AA414" s="213">
        <v>1.0193563914653698E-2</v>
      </c>
      <c r="AB414" s="89">
        <v>1.7101059425639006E-3</v>
      </c>
    </row>
    <row r="415" spans="1:38">
      <c r="A415" s="44" t="s">
        <v>351</v>
      </c>
      <c r="B415" s="210">
        <v>10181</v>
      </c>
      <c r="C415" s="214">
        <v>5.5771260126623229E-2</v>
      </c>
      <c r="D415" s="92">
        <v>4.5544025107001592E-3</v>
      </c>
      <c r="E415" s="214">
        <v>6.769418318041226E-2</v>
      </c>
      <c r="F415" s="92">
        <v>4.9843524173121103E-3</v>
      </c>
      <c r="G415" s="214">
        <v>0.87028685890989887</v>
      </c>
      <c r="H415" s="92">
        <v>6.6616176792407278E-3</v>
      </c>
      <c r="I415" s="214">
        <v>6.2476977830547972E-3</v>
      </c>
      <c r="J415" s="92">
        <v>1.585416719608216E-3</v>
      </c>
      <c r="K415" s="210">
        <v>10165</v>
      </c>
      <c r="L415" s="214">
        <v>0.12134498611555503</v>
      </c>
      <c r="M415" s="92">
        <v>6.4794858685394844E-3</v>
      </c>
      <c r="N415" s="214">
        <v>0.1467456119577828</v>
      </c>
      <c r="O415" s="92">
        <v>7.0207394003520456E-3</v>
      </c>
      <c r="P415" s="214">
        <v>0.72367822063620413</v>
      </c>
      <c r="Q415" s="257">
        <v>8.8698017077062409E-3</v>
      </c>
      <c r="R415" s="214">
        <v>8.2311812904523936E-3</v>
      </c>
      <c r="S415" s="92">
        <v>1.8127123451858256E-3</v>
      </c>
      <c r="T415" s="210">
        <v>10167</v>
      </c>
      <c r="U415" s="214">
        <v>5.1967621136293746E-2</v>
      </c>
      <c r="V415" s="92">
        <v>4.4088042604215651E-3</v>
      </c>
      <c r="W415" s="214">
        <v>6.8821771804385493E-2</v>
      </c>
      <c r="X415" s="92">
        <v>5.0259982024442934E-3</v>
      </c>
      <c r="Y415" s="214">
        <v>0.87128348577884585</v>
      </c>
      <c r="Z415" s="92">
        <v>6.644385833423549E-3</v>
      </c>
      <c r="AA415" s="214">
        <v>7.9271212804651117E-3</v>
      </c>
      <c r="AB415" s="92">
        <v>1.7798063707391723E-3</v>
      </c>
    </row>
    <row r="416" spans="1:38">
      <c r="A416" s="40" t="s">
        <v>352</v>
      </c>
      <c r="B416" s="209">
        <v>3816</v>
      </c>
      <c r="C416" s="213">
        <v>8.0298884468340645E-2</v>
      </c>
      <c r="D416" s="89">
        <v>8.8157212594945945E-3</v>
      </c>
      <c r="E416" s="213">
        <v>0.10816816517547961</v>
      </c>
      <c r="F416" s="89">
        <v>1.0067269981012986E-2</v>
      </c>
      <c r="G416" s="213">
        <v>0.80119897013483554</v>
      </c>
      <c r="H416" s="89">
        <v>1.2922202661960154E-2</v>
      </c>
      <c r="I416" s="213">
        <v>1.0333980221343591E-2</v>
      </c>
      <c r="J416" s="89">
        <v>3.3518094175664925E-3</v>
      </c>
      <c r="K416" s="209">
        <v>3819</v>
      </c>
      <c r="L416" s="215">
        <v>0.12692672162460542</v>
      </c>
      <c r="M416" s="89">
        <v>1.0782001840017779E-2</v>
      </c>
      <c r="N416" s="213">
        <v>0.15440622169109808</v>
      </c>
      <c r="O416" s="89">
        <v>1.169920056663218E-2</v>
      </c>
      <c r="P416" s="213">
        <v>0.70775336283336154</v>
      </c>
      <c r="Q416" s="256">
        <v>1.4714256737517094E-2</v>
      </c>
      <c r="R416" s="213">
        <v>1.0913693850936122E-2</v>
      </c>
      <c r="S416" s="89">
        <v>3.4377060019035498E-3</v>
      </c>
      <c r="T416" s="209">
        <v>3817</v>
      </c>
      <c r="U416" s="213">
        <v>8.5248864245439815E-2</v>
      </c>
      <c r="V416" s="89">
        <v>9.0560186752224655E-3</v>
      </c>
      <c r="W416" s="213">
        <v>0.10915683433384854</v>
      </c>
      <c r="X416" s="89">
        <v>1.0106021668753832E-2</v>
      </c>
      <c r="Y416" s="213">
        <v>0.79361959244189906</v>
      </c>
      <c r="Z416" s="89">
        <v>1.3101497878337535E-2</v>
      </c>
      <c r="AA416" s="213">
        <v>1.1974708978813316E-2</v>
      </c>
      <c r="AB416" s="89">
        <v>3.5926742710500224E-3</v>
      </c>
    </row>
    <row r="417" spans="1:28">
      <c r="A417" s="44" t="s">
        <v>555</v>
      </c>
      <c r="B417" s="210">
        <v>3618</v>
      </c>
      <c r="C417" s="214">
        <v>6.8575567769114165E-2</v>
      </c>
      <c r="D417" s="92">
        <v>8.4257130326673528E-3</v>
      </c>
      <c r="E417" s="214">
        <v>9.6244032805622048E-2</v>
      </c>
      <c r="F417" s="92">
        <v>9.8212058245643625E-3</v>
      </c>
      <c r="G417" s="214">
        <v>0.82749505607831864</v>
      </c>
      <c r="H417" s="92">
        <v>1.2566059560779688E-2</v>
      </c>
      <c r="I417" s="214">
        <v>7.685343346950483E-3</v>
      </c>
      <c r="J417" s="92">
        <v>3.0021748068631325E-3</v>
      </c>
      <c r="K417" s="210">
        <v>3611</v>
      </c>
      <c r="L417" s="214">
        <v>0.12458689452727055</v>
      </c>
      <c r="M417" s="92">
        <v>1.1001155077583053E-2</v>
      </c>
      <c r="N417" s="214">
        <v>0.15433992199537644</v>
      </c>
      <c r="O417" s="92">
        <v>1.2029625742483119E-2</v>
      </c>
      <c r="P417" s="214">
        <v>0.71270709759636885</v>
      </c>
      <c r="Q417" s="257">
        <v>1.5055664753483796E-2</v>
      </c>
      <c r="R417" s="214">
        <v>8.3660858809911157E-3</v>
      </c>
      <c r="S417" s="92">
        <v>3.1258861447316312E-3</v>
      </c>
      <c r="T417" s="210">
        <v>3611</v>
      </c>
      <c r="U417" s="214">
        <v>7.3961410887598292E-2</v>
      </c>
      <c r="V417" s="92">
        <v>8.7309612834972176E-3</v>
      </c>
      <c r="W417" s="214">
        <v>8.8217979450649353E-2</v>
      </c>
      <c r="X417" s="92">
        <v>9.45605582281101E-3</v>
      </c>
      <c r="Y417" s="214">
        <v>0.82641310396766277</v>
      </c>
      <c r="Z417" s="92">
        <v>1.2609252151204332E-2</v>
      </c>
      <c r="AA417" s="214">
        <v>1.1407505694095446E-2</v>
      </c>
      <c r="AB417" s="92">
        <v>3.614229711729876E-3</v>
      </c>
    </row>
    <row r="418" spans="1:28">
      <c r="A418" s="40" t="s">
        <v>556</v>
      </c>
      <c r="B418" s="209">
        <v>2957</v>
      </c>
      <c r="C418" s="213">
        <v>4.6324182025085162E-2</v>
      </c>
      <c r="D418" s="89">
        <v>7.7737305370480063E-3</v>
      </c>
      <c r="E418" s="213">
        <v>6.4337095715950324E-2</v>
      </c>
      <c r="F418" s="89">
        <v>9.0561155783439474E-3</v>
      </c>
      <c r="G418" s="213">
        <v>0.88545559180751499</v>
      </c>
      <c r="H418" s="89">
        <v>1.172838713920854E-2</v>
      </c>
      <c r="I418" s="213">
        <v>3.8831304514485424E-3</v>
      </c>
      <c r="J418" s="89">
        <v>2.4744829198201854E-3</v>
      </c>
      <c r="K418" s="209">
        <v>2951</v>
      </c>
      <c r="L418" s="215">
        <v>0.10455237985419813</v>
      </c>
      <c r="M418" s="89">
        <v>1.1282812874783539E-2</v>
      </c>
      <c r="N418" s="213">
        <v>0.14861301860146048</v>
      </c>
      <c r="O418" s="89">
        <v>1.3104357292564503E-2</v>
      </c>
      <c r="P418" s="213">
        <v>0.74154523517825188</v>
      </c>
      <c r="Q418" s="256">
        <v>1.6113545752638649E-2</v>
      </c>
      <c r="R418" s="213">
        <v>5.2893663660869925E-3</v>
      </c>
      <c r="S418" s="89">
        <v>2.8316594110465686E-3</v>
      </c>
      <c r="T418" s="209">
        <v>2950</v>
      </c>
      <c r="U418" s="213">
        <v>5.0412228665279321E-2</v>
      </c>
      <c r="V418" s="89">
        <v>8.0970643299912159E-3</v>
      </c>
      <c r="W418" s="213">
        <v>6.3329510813254664E-2</v>
      </c>
      <c r="X418" s="89">
        <v>9.0012363080724297E-3</v>
      </c>
      <c r="Y418" s="213">
        <v>0.87850492155973525</v>
      </c>
      <c r="Z418" s="89">
        <v>1.2043801433915171E-2</v>
      </c>
      <c r="AA418" s="213">
        <v>7.753338961730076E-3</v>
      </c>
      <c r="AB418" s="89">
        <v>3.3623414777639461E-3</v>
      </c>
    </row>
    <row r="419" spans="1:28">
      <c r="A419" s="44" t="s">
        <v>536</v>
      </c>
      <c r="B419" s="210">
        <v>329</v>
      </c>
      <c r="C419" s="214">
        <v>6.9476835948274834E-2</v>
      </c>
      <c r="D419" s="92">
        <v>2.8805221177162676E-2</v>
      </c>
      <c r="E419" s="214">
        <v>5.8622232311447836E-2</v>
      </c>
      <c r="F419" s="92">
        <v>2.6809926217665089E-2</v>
      </c>
      <c r="G419" s="214">
        <v>0.87190093174027739</v>
      </c>
      <c r="H419" s="92">
        <v>3.7165729061275882E-2</v>
      </c>
      <c r="I419" s="214">
        <v>0</v>
      </c>
      <c r="J419" s="92">
        <v>8.4682299031163498E-3</v>
      </c>
      <c r="K419" s="210">
        <v>328</v>
      </c>
      <c r="L419" s="214">
        <v>0.10115769950012479</v>
      </c>
      <c r="M419" s="92">
        <v>3.3784373843804422E-2</v>
      </c>
      <c r="N419" s="214">
        <v>9.4563497204575964E-2</v>
      </c>
      <c r="O419" s="92">
        <v>3.2848376585320395E-2</v>
      </c>
      <c r="P419" s="214">
        <v>0.79905703126420202</v>
      </c>
      <c r="Q419" s="257">
        <v>4.4275557262797978E-2</v>
      </c>
      <c r="R419" s="214">
        <v>5.2217720310977237E-3</v>
      </c>
      <c r="S419" s="92">
        <v>1.1542429327555609E-2</v>
      </c>
      <c r="T419" s="210">
        <v>327</v>
      </c>
      <c r="U419" s="214">
        <v>4.5203375775391727E-2</v>
      </c>
      <c r="V419" s="92">
        <v>2.411677972431444E-2</v>
      </c>
      <c r="W419" s="214">
        <v>3.8832375035014181E-2</v>
      </c>
      <c r="X419" s="92">
        <v>2.2644916557768045E-2</v>
      </c>
      <c r="Y419" s="214">
        <v>0.91173481712298554</v>
      </c>
      <c r="Z419" s="92">
        <v>3.196428856935158E-2</v>
      </c>
      <c r="AA419" s="214">
        <v>4.2294320666087107E-3</v>
      </c>
      <c r="AB419" s="92">
        <v>1.1056655068066705E-2</v>
      </c>
    </row>
    <row r="420" spans="1:28">
      <c r="A420" s="40" t="s">
        <v>537</v>
      </c>
      <c r="B420" s="209">
        <v>163</v>
      </c>
      <c r="C420" s="213">
        <v>6.4040796896025182E-2</v>
      </c>
      <c r="D420" s="89">
        <v>4.0634260673450114E-2</v>
      </c>
      <c r="E420" s="213">
        <v>4.178177725926803E-2</v>
      </c>
      <c r="F420" s="89">
        <v>3.4597343785854141E-2</v>
      </c>
      <c r="G420" s="213">
        <v>0.89417742584470683</v>
      </c>
      <c r="H420" s="89">
        <v>4.9422575156775853E-2</v>
      </c>
      <c r="I420" s="213">
        <v>0</v>
      </c>
      <c r="J420" s="89">
        <v>1.6834966591550982E-2</v>
      </c>
      <c r="K420" s="209">
        <v>163</v>
      </c>
      <c r="L420" s="215">
        <v>7.0957703986644291E-2</v>
      </c>
      <c r="M420" s="89">
        <v>4.2280833673656829E-2</v>
      </c>
      <c r="N420" s="213">
        <v>6.8374453812137748E-2</v>
      </c>
      <c r="O420" s="89">
        <v>4.1676566715051391E-2</v>
      </c>
      <c r="P420" s="213">
        <v>0.86066784220121773</v>
      </c>
      <c r="Q420" s="256">
        <v>5.4952460400499399E-2</v>
      </c>
      <c r="R420" s="213">
        <v>0</v>
      </c>
      <c r="S420" s="89">
        <v>1.6834966591550982E-2</v>
      </c>
      <c r="T420" s="209">
        <v>162</v>
      </c>
      <c r="U420" s="213">
        <v>3.9062030242199383E-2</v>
      </c>
      <c r="V420" s="89">
        <v>3.3885719988632379E-2</v>
      </c>
      <c r="W420" s="213">
        <v>2.6823429354420402E-2</v>
      </c>
      <c r="X420" s="89">
        <v>2.9763769851649795E-2</v>
      </c>
      <c r="Y420" s="213">
        <v>0.93411454040337982</v>
      </c>
      <c r="Z420" s="89">
        <v>4.1221509018397731E-2</v>
      </c>
      <c r="AA420" s="213">
        <v>0</v>
      </c>
      <c r="AB420" s="89">
        <v>1.6935763699852214E-2</v>
      </c>
    </row>
    <row r="421" spans="1:28">
      <c r="A421" s="44" t="s">
        <v>538</v>
      </c>
      <c r="B421" s="210">
        <v>88</v>
      </c>
      <c r="C421" s="214">
        <v>7.8356388966108206E-2</v>
      </c>
      <c r="D421" s="92">
        <v>6.1622981077598421E-2</v>
      </c>
      <c r="E421" s="214">
        <v>6.7962525225439774E-2</v>
      </c>
      <c r="F421" s="92">
        <v>5.8689219187462775E-2</v>
      </c>
      <c r="G421" s="214">
        <v>0.85368108580845203</v>
      </c>
      <c r="H421" s="92">
        <v>7.6769174697772169E-2</v>
      </c>
      <c r="I421" s="214">
        <v>0</v>
      </c>
      <c r="J421" s="92">
        <v>3.0407765486097187E-2</v>
      </c>
      <c r="K421" s="210">
        <v>88</v>
      </c>
      <c r="L421" s="214">
        <v>0.18405433739507629</v>
      </c>
      <c r="M421" s="92">
        <v>8.305833046851939E-2</v>
      </c>
      <c r="N421" s="214">
        <v>0.12538638252155399</v>
      </c>
      <c r="O421" s="92">
        <v>7.2712186752051503E-2</v>
      </c>
      <c r="P421" s="214">
        <v>0.68986630752746603</v>
      </c>
      <c r="Q421" s="257">
        <v>9.713669293432764E-2</v>
      </c>
      <c r="R421" s="214">
        <v>6.9297255590344874E-4</v>
      </c>
      <c r="S421" s="92">
        <v>3.0857403678765407E-2</v>
      </c>
      <c r="T421" s="210">
        <v>88</v>
      </c>
      <c r="U421" s="214">
        <v>6.8890410729993246E-2</v>
      </c>
      <c r="V421" s="92">
        <v>5.8960021216417309E-2</v>
      </c>
      <c r="W421" s="214">
        <v>4.5127789302911045E-2</v>
      </c>
      <c r="X421" s="92">
        <v>5.1369168317873297E-2</v>
      </c>
      <c r="Y421" s="214">
        <v>0.86689508708066509</v>
      </c>
      <c r="Z421" s="92">
        <v>7.4261266681700078E-2</v>
      </c>
      <c r="AA421" s="214">
        <v>1.9086712886430629E-2</v>
      </c>
      <c r="AB421" s="92">
        <v>4.0858348795058251E-2</v>
      </c>
    </row>
    <row r="422" spans="1:28">
      <c r="A422" s="40" t="s">
        <v>539</v>
      </c>
      <c r="B422" s="209">
        <v>242</v>
      </c>
      <c r="C422" s="213">
        <v>9.3305794535452583E-2</v>
      </c>
      <c r="D422" s="89">
        <v>3.8240777653937366E-2</v>
      </c>
      <c r="E422" s="213">
        <v>8.7917926986468567E-2</v>
      </c>
      <c r="F422" s="89">
        <v>3.732210872983234E-2</v>
      </c>
      <c r="G422" s="213">
        <v>0.81877627847807788</v>
      </c>
      <c r="H422" s="89">
        <v>4.9658914295429346E-2</v>
      </c>
      <c r="I422" s="213">
        <v>0</v>
      </c>
      <c r="J422" s="89">
        <v>1.1450837352741765E-2</v>
      </c>
      <c r="K422" s="209">
        <v>243</v>
      </c>
      <c r="L422" s="215">
        <v>0.11591172785658657</v>
      </c>
      <c r="M422" s="89">
        <v>4.166875526394255E-2</v>
      </c>
      <c r="N422" s="213">
        <v>0.26417731365256747</v>
      </c>
      <c r="O422" s="89">
        <v>5.636409763850829E-2</v>
      </c>
      <c r="P422" s="213">
        <v>0.61918710134450516</v>
      </c>
      <c r="Q422" s="256">
        <v>6.1854054246204292E-2</v>
      </c>
      <c r="R422" s="213">
        <v>7.2385714633871367E-4</v>
      </c>
      <c r="S422" s="89">
        <v>1.1891341371071638E-2</v>
      </c>
      <c r="T422" s="209">
        <v>242</v>
      </c>
      <c r="U422" s="213">
        <v>6.3919903265576727E-2</v>
      </c>
      <c r="V422" s="89">
        <v>3.2751373345044688E-2</v>
      </c>
      <c r="W422" s="213">
        <v>0.10843114794656301</v>
      </c>
      <c r="X422" s="89">
        <v>4.0649105737412365E-2</v>
      </c>
      <c r="Y422" s="213">
        <v>0.82240952100469888</v>
      </c>
      <c r="Z422" s="89">
        <v>4.9288438784835478E-2</v>
      </c>
      <c r="AA422" s="213">
        <v>5.2394277831601813E-3</v>
      </c>
      <c r="AB422" s="89">
        <v>1.4599165867495966E-2</v>
      </c>
    </row>
    <row r="423" spans="1:28">
      <c r="A423" s="44" t="s">
        <v>540</v>
      </c>
      <c r="B423" s="210">
        <v>81</v>
      </c>
      <c r="C423" s="214">
        <v>0.11604636453472011</v>
      </c>
      <c r="D423" s="92">
        <v>7.3924603604239553E-2</v>
      </c>
      <c r="E423" s="214">
        <v>0.11714845407662131</v>
      </c>
      <c r="F423" s="92">
        <v>7.4168463533868301E-2</v>
      </c>
      <c r="G423" s="214">
        <v>0.7668051813886585</v>
      </c>
      <c r="H423" s="92">
        <v>9.3395331489357025E-2</v>
      </c>
      <c r="I423" s="214">
        <v>0</v>
      </c>
      <c r="J423" s="92">
        <v>3.2881805121991139E-2</v>
      </c>
      <c r="K423" s="210">
        <v>81</v>
      </c>
      <c r="L423" s="214">
        <v>0.2464463267853883</v>
      </c>
      <c r="M423" s="92">
        <v>9.4959790093608692E-2</v>
      </c>
      <c r="N423" s="214">
        <v>0.27364528672496918</v>
      </c>
      <c r="O423" s="92">
        <v>9.7852790675853188E-2</v>
      </c>
      <c r="P423" s="214">
        <v>0.4777008633871902</v>
      </c>
      <c r="Q423" s="257">
        <v>0.10836722913959816</v>
      </c>
      <c r="R423" s="214">
        <v>2.2075231024522813E-3</v>
      </c>
      <c r="S423" s="92">
        <v>3.4283247908172873E-2</v>
      </c>
      <c r="T423" s="210">
        <v>81</v>
      </c>
      <c r="U423" s="214">
        <v>0.1184167031243642</v>
      </c>
      <c r="V423" s="92">
        <v>7.444723837292419E-2</v>
      </c>
      <c r="W423" s="214">
        <v>0.11828051214723737</v>
      </c>
      <c r="X423" s="92">
        <v>7.4417396443551664E-2</v>
      </c>
      <c r="Y423" s="214">
        <v>0.76112367441978246</v>
      </c>
      <c r="Z423" s="92">
        <v>9.4079038908231674E-2</v>
      </c>
      <c r="AA423" s="214">
        <v>2.1791103086157594E-3</v>
      </c>
      <c r="AB423" s="92">
        <v>3.4265612818621678E-2</v>
      </c>
    </row>
    <row r="424" spans="1:28" ht="25.5">
      <c r="A424" s="40" t="s">
        <v>541</v>
      </c>
      <c r="B424" s="209">
        <v>92</v>
      </c>
      <c r="C424" s="213">
        <v>6.498225493309237E-2</v>
      </c>
      <c r="D424" s="89">
        <v>5.6347528632771052E-2</v>
      </c>
      <c r="E424" s="213">
        <v>2.2895292778455537E-2</v>
      </c>
      <c r="F424" s="89">
        <v>4.1304249387634107E-2</v>
      </c>
      <c r="G424" s="213">
        <v>0.91212245228845201</v>
      </c>
      <c r="H424" s="89">
        <v>6.2587924037518436E-2</v>
      </c>
      <c r="I424" s="213">
        <v>0</v>
      </c>
      <c r="J424" s="89">
        <v>2.9154263235671291E-2</v>
      </c>
      <c r="K424" s="209">
        <v>92</v>
      </c>
      <c r="L424" s="215">
        <v>6.9738499441448734E-2</v>
      </c>
      <c r="M424" s="89">
        <v>5.7728070708104998E-2</v>
      </c>
      <c r="N424" s="213">
        <v>0.19609083370826055</v>
      </c>
      <c r="O424" s="89">
        <v>8.295972964959035E-2</v>
      </c>
      <c r="P424" s="213">
        <v>0.73417066685029075</v>
      </c>
      <c r="Q424" s="256">
        <v>9.1204567686221191E-2</v>
      </c>
      <c r="R424" s="213">
        <v>0</v>
      </c>
      <c r="S424" s="89">
        <v>2.9154263235671291E-2</v>
      </c>
      <c r="T424" s="209">
        <v>90</v>
      </c>
      <c r="U424" s="213">
        <v>3.2638958632219897E-2</v>
      </c>
      <c r="V424" s="89">
        <v>4.6019243081747395E-2</v>
      </c>
      <c r="W424" s="213">
        <v>3.5182657244936424E-2</v>
      </c>
      <c r="X424" s="89">
        <v>4.7013481160062202E-2</v>
      </c>
      <c r="Y424" s="213">
        <v>0.91939106655652425</v>
      </c>
      <c r="Z424" s="89">
        <v>6.1458134353818132E-2</v>
      </c>
      <c r="AA424" s="213">
        <v>1.2787317566319328E-2</v>
      </c>
      <c r="AB424" s="89">
        <v>3.712898564537747E-2</v>
      </c>
    </row>
    <row r="425" spans="1:28">
      <c r="A425" s="44" t="s">
        <v>542</v>
      </c>
      <c r="B425" s="210">
        <v>69</v>
      </c>
      <c r="C425" s="214">
        <v>0.10220397581383227</v>
      </c>
      <c r="D425" s="92">
        <v>7.7149478007334793E-2</v>
      </c>
      <c r="E425" s="214">
        <v>0.13283433504402847</v>
      </c>
      <c r="F425" s="92">
        <v>8.4256093934584261E-2</v>
      </c>
      <c r="G425" s="214">
        <v>0.76496168914213869</v>
      </c>
      <c r="H425" s="92">
        <v>0.10130063309026568</v>
      </c>
      <c r="I425" s="214">
        <v>0</v>
      </c>
      <c r="J425" s="92">
        <v>3.821112970151376E-2</v>
      </c>
      <c r="K425" s="210">
        <v>70</v>
      </c>
      <c r="L425" s="214">
        <v>3.2035224382325249E-2</v>
      </c>
      <c r="M425" s="92">
        <v>5.4048935753604227E-2</v>
      </c>
      <c r="N425" s="214">
        <v>0.33273131535318112</v>
      </c>
      <c r="O425" s="92">
        <v>0.11027341303801456</v>
      </c>
      <c r="P425" s="214">
        <v>0.63523346026449301</v>
      </c>
      <c r="Q425" s="257">
        <v>0.11237859924671195</v>
      </c>
      <c r="R425" s="214">
        <v>0</v>
      </c>
      <c r="S425" s="92">
        <v>3.7701936889887336E-2</v>
      </c>
      <c r="T425" s="210">
        <v>71</v>
      </c>
      <c r="U425" s="214">
        <v>4.1856409180515579E-2</v>
      </c>
      <c r="V425" s="92">
        <v>5.7455500511497927E-2</v>
      </c>
      <c r="W425" s="214">
        <v>0.18005878627974489</v>
      </c>
      <c r="X425" s="92">
        <v>9.1873858320735871E-2</v>
      </c>
      <c r="Y425" s="214">
        <v>0.77808480453973927</v>
      </c>
      <c r="Z425" s="92">
        <v>9.8169250911062822E-2</v>
      </c>
      <c r="AA425" s="214">
        <v>0</v>
      </c>
      <c r="AB425" s="92">
        <v>3.7206132509255738E-2</v>
      </c>
    </row>
    <row r="426" spans="1:28">
      <c r="A426" s="40" t="s">
        <v>543</v>
      </c>
      <c r="B426" s="209">
        <v>474</v>
      </c>
      <c r="C426" s="213">
        <v>5.2920962327231799E-2</v>
      </c>
      <c r="D426" s="89">
        <v>2.11493203978943E-2</v>
      </c>
      <c r="E426" s="213">
        <v>6.8188893070057613E-2</v>
      </c>
      <c r="F426" s="89">
        <v>2.3615964046258927E-2</v>
      </c>
      <c r="G426" s="213">
        <v>0.87889014460271087</v>
      </c>
      <c r="H426" s="89">
        <v>3.0178665392721432E-2</v>
      </c>
      <c r="I426" s="213">
        <v>0</v>
      </c>
      <c r="J426" s="89">
        <v>5.9048194783545812E-3</v>
      </c>
      <c r="K426" s="209">
        <v>475</v>
      </c>
      <c r="L426" s="215">
        <v>0.10669779072178684</v>
      </c>
      <c r="M426" s="89">
        <v>2.859056268534373E-2</v>
      </c>
      <c r="N426" s="213">
        <v>0.16378395001763468</v>
      </c>
      <c r="O426" s="89">
        <v>3.4050047730006874E-2</v>
      </c>
      <c r="P426" s="213">
        <v>0.72951825926057934</v>
      </c>
      <c r="Q426" s="256">
        <v>4.0682846381221126E-2</v>
      </c>
      <c r="R426" s="213">
        <v>0</v>
      </c>
      <c r="S426" s="89">
        <v>5.8925179328004262E-3</v>
      </c>
      <c r="T426" s="209">
        <v>476</v>
      </c>
      <c r="U426" s="213">
        <v>5.1007665393459932E-2</v>
      </c>
      <c r="V426" s="89">
        <v>2.0766917965721322E-2</v>
      </c>
      <c r="W426" s="213">
        <v>7.4926141786399447E-2</v>
      </c>
      <c r="X426" s="89">
        <v>2.4547764728999527E-2</v>
      </c>
      <c r="Y426" s="213">
        <v>0.87156347147518121</v>
      </c>
      <c r="Z426" s="89">
        <v>3.0853415454951068E-2</v>
      </c>
      <c r="AA426" s="213">
        <v>2.5027213449595543E-3</v>
      </c>
      <c r="AB426" s="89">
        <v>7.4186302771342945E-3</v>
      </c>
    </row>
    <row r="427" spans="1:28">
      <c r="A427" s="44" t="s">
        <v>616</v>
      </c>
      <c r="B427" s="210">
        <v>244</v>
      </c>
      <c r="C427" s="214">
        <v>7.8185416777979855E-2</v>
      </c>
      <c r="D427" s="92">
        <v>3.5415908683486909E-2</v>
      </c>
      <c r="E427" s="214">
        <v>8.8894023359705449E-2</v>
      </c>
      <c r="F427" s="92">
        <v>3.7330214391877746E-2</v>
      </c>
      <c r="G427" s="214">
        <v>0.83292055986231395</v>
      </c>
      <c r="H427" s="92">
        <v>4.7976880407672721E-2</v>
      </c>
      <c r="I427" s="214">
        <v>0</v>
      </c>
      <c r="J427" s="92">
        <v>1.1358867296889074E-2</v>
      </c>
      <c r="K427" s="210">
        <v>245</v>
      </c>
      <c r="L427" s="214">
        <v>0.10656721471768132</v>
      </c>
      <c r="M427" s="92">
        <v>4.010905825362885E-2</v>
      </c>
      <c r="N427" s="214">
        <v>0.16062495596164358</v>
      </c>
      <c r="O427" s="92">
        <v>4.7168036347405823E-2</v>
      </c>
      <c r="P427" s="214">
        <v>0.73280782932067323</v>
      </c>
      <c r="Q427" s="257">
        <v>5.6330618522104144E-2</v>
      </c>
      <c r="R427" s="214">
        <v>0</v>
      </c>
      <c r="S427" s="92">
        <v>1.131343404848041E-2</v>
      </c>
      <c r="T427" s="210">
        <v>246</v>
      </c>
      <c r="U427" s="214">
        <v>5.79406324357922E-2</v>
      </c>
      <c r="V427" s="92">
        <v>3.1186360206001254E-2</v>
      </c>
      <c r="W427" s="214">
        <v>7.635865354415293E-2</v>
      </c>
      <c r="X427" s="92">
        <v>3.4922810525429178E-2</v>
      </c>
      <c r="Y427" s="214">
        <v>0.86043468572250004</v>
      </c>
      <c r="Z427" s="92">
        <v>4.457995976022925E-2</v>
      </c>
      <c r="AA427" s="214">
        <v>5.2660282975537367E-3</v>
      </c>
      <c r="AB427" s="92">
        <v>1.4426649083317833E-2</v>
      </c>
    </row>
    <row r="428" spans="1:28">
      <c r="A428" s="52" t="s">
        <v>544</v>
      </c>
      <c r="B428" s="209">
        <v>230</v>
      </c>
      <c r="C428" s="213">
        <v>3.0216337907922865E-2</v>
      </c>
      <c r="D428" s="89">
        <v>2.5075614884366056E-2</v>
      </c>
      <c r="E428" s="213">
        <v>4.9581635680203531E-2</v>
      </c>
      <c r="F428" s="89">
        <v>3.0382172873031903E-2</v>
      </c>
      <c r="G428" s="213">
        <v>0.92020202641187321</v>
      </c>
      <c r="H428" s="89">
        <v>3.6844611285045868E-2</v>
      </c>
      <c r="I428" s="213">
        <v>0</v>
      </c>
      <c r="J428" s="89">
        <v>1.2035529447947385E-2</v>
      </c>
      <c r="K428" s="209">
        <v>230</v>
      </c>
      <c r="L428" s="215">
        <v>0.10681583325921418</v>
      </c>
      <c r="M428" s="89">
        <v>4.1478301530394592E-2</v>
      </c>
      <c r="N428" s="213">
        <v>0.16663972491014584</v>
      </c>
      <c r="O428" s="89">
        <v>4.93786588425668E-2</v>
      </c>
      <c r="P428" s="213">
        <v>0.72654444183063915</v>
      </c>
      <c r="Q428" s="256">
        <v>5.8531492088888491E-2</v>
      </c>
      <c r="R428" s="213">
        <v>0</v>
      </c>
      <c r="S428" s="89">
        <v>1.2035529447947385E-2</v>
      </c>
      <c r="T428" s="209">
        <v>230</v>
      </c>
      <c r="U428" s="213">
        <v>4.4728491599735215E-2</v>
      </c>
      <c r="V428" s="89">
        <v>2.9163117680138996E-2</v>
      </c>
      <c r="W428" s="213">
        <v>7.3628718874453117E-2</v>
      </c>
      <c r="X428" s="89">
        <v>3.5654931461297057E-2</v>
      </c>
      <c r="Y428" s="213">
        <v>0.88164278952581132</v>
      </c>
      <c r="Z428" s="89">
        <v>4.3221898132853841E-2</v>
      </c>
      <c r="AA428" s="213">
        <v>0</v>
      </c>
      <c r="AB428" s="89">
        <v>1.2035529447947385E-2</v>
      </c>
    </row>
    <row r="429" spans="1:28">
      <c r="A429" s="44" t="s">
        <v>545</v>
      </c>
      <c r="B429" s="210">
        <v>111</v>
      </c>
      <c r="C429" s="214">
        <v>1.9131558049306545E-2</v>
      </c>
      <c r="D429" s="92">
        <v>3.4676975221904618E-2</v>
      </c>
      <c r="E429" s="214">
        <v>3.5721662322487732E-2</v>
      </c>
      <c r="F429" s="92">
        <v>4.1359475224900154E-2</v>
      </c>
      <c r="G429" s="214">
        <v>0.93724630998810143</v>
      </c>
      <c r="H429" s="92">
        <v>5.0003180333655618E-2</v>
      </c>
      <c r="I429" s="214">
        <v>7.9004696401041921E-3</v>
      </c>
      <c r="J429" s="92">
        <v>2.9127083469321247E-2</v>
      </c>
      <c r="K429" s="210">
        <v>112</v>
      </c>
      <c r="L429" s="214">
        <v>7.982423419903989E-2</v>
      </c>
      <c r="M429" s="92">
        <v>5.4272016542922484E-2</v>
      </c>
      <c r="N429" s="214">
        <v>0.14399929264833231</v>
      </c>
      <c r="O429" s="92">
        <v>6.7428953032130243E-2</v>
      </c>
      <c r="P429" s="214">
        <v>0.76541278736060303</v>
      </c>
      <c r="Q429" s="257">
        <v>7.9725929989726343E-2</v>
      </c>
      <c r="R429" s="214">
        <v>1.0763685792024675E-2</v>
      </c>
      <c r="S429" s="92">
        <v>3.0439465591505645E-2</v>
      </c>
      <c r="T429" s="210">
        <v>112</v>
      </c>
      <c r="U429" s="214">
        <v>1.0763685792024675E-2</v>
      </c>
      <c r="V429" s="92">
        <v>3.0439465591505645E-2</v>
      </c>
      <c r="W429" s="214">
        <v>4.2544174358038526E-2</v>
      </c>
      <c r="X429" s="92">
        <v>4.3516728529159637E-2</v>
      </c>
      <c r="Y429" s="214">
        <v>0.93887931316263096</v>
      </c>
      <c r="Z429" s="92">
        <v>4.928443629191899E-2</v>
      </c>
      <c r="AA429" s="214">
        <v>7.8128266873057402E-3</v>
      </c>
      <c r="AB429" s="92">
        <v>2.8869810003783161E-2</v>
      </c>
    </row>
    <row r="430" spans="1:28">
      <c r="A430" s="52" t="s">
        <v>546</v>
      </c>
      <c r="B430" s="209">
        <v>288</v>
      </c>
      <c r="C430" s="213">
        <v>5.2890004490424351E-2</v>
      </c>
      <c r="D430" s="89">
        <v>2.7581026944636173E-2</v>
      </c>
      <c r="E430" s="213">
        <v>7.1529150914946563E-2</v>
      </c>
      <c r="F430" s="89">
        <v>3.1276072752729124E-2</v>
      </c>
      <c r="G430" s="213">
        <v>0.8753646882769397</v>
      </c>
      <c r="H430" s="89">
        <v>3.9332643172117536E-2</v>
      </c>
      <c r="I430" s="213">
        <v>2.1615631768994825E-4</v>
      </c>
      <c r="J430" s="89">
        <v>9.8011959631034203E-3</v>
      </c>
      <c r="K430" s="209">
        <v>287</v>
      </c>
      <c r="L430" s="215">
        <v>0.16996131539848849</v>
      </c>
      <c r="M430" s="89">
        <v>4.449771640585911E-2</v>
      </c>
      <c r="N430" s="213">
        <v>0.10667485370808429</v>
      </c>
      <c r="O430" s="89">
        <v>3.6985954068610542E-2</v>
      </c>
      <c r="P430" s="213">
        <v>0.72054945362296474</v>
      </c>
      <c r="Q430" s="256">
        <v>5.2783157089954923E-2</v>
      </c>
      <c r="R430" s="213">
        <v>2.8143772704639996E-3</v>
      </c>
      <c r="S430" s="89">
        <v>1.1460645050254887E-2</v>
      </c>
      <c r="T430" s="209">
        <v>286</v>
      </c>
      <c r="U430" s="213">
        <v>6.9435926021366695E-2</v>
      </c>
      <c r="V430" s="89">
        <v>3.1004646877289332E-2</v>
      </c>
      <c r="W430" s="213">
        <v>5.6635619920069352E-2</v>
      </c>
      <c r="X430" s="89">
        <v>2.8481888703476139E-2</v>
      </c>
      <c r="Y430" s="213">
        <v>0.86681831293394906</v>
      </c>
      <c r="Z430" s="89">
        <v>4.0536166363598948E-2</v>
      </c>
      <c r="AA430" s="213">
        <v>7.1101411246155856E-3</v>
      </c>
      <c r="AB430" s="89">
        <v>1.3754082615222782E-2</v>
      </c>
    </row>
    <row r="431" spans="1:28">
      <c r="A431" s="44" t="s">
        <v>557</v>
      </c>
      <c r="B431" s="210">
        <v>110</v>
      </c>
      <c r="C431" s="214">
        <v>2.5945447543286426E-2</v>
      </c>
      <c r="D431" s="92">
        <v>3.782043188092804E-2</v>
      </c>
      <c r="E431" s="214">
        <v>6.8623304789791062E-2</v>
      </c>
      <c r="F431" s="92">
        <v>5.189182539074224E-2</v>
      </c>
      <c r="G431" s="214">
        <v>0.90543124766692284</v>
      </c>
      <c r="H431" s="92">
        <v>5.8327023157531049E-2</v>
      </c>
      <c r="I431" s="214">
        <v>0</v>
      </c>
      <c r="J431" s="92">
        <v>2.4592162949139032E-2</v>
      </c>
      <c r="K431" s="210">
        <v>112</v>
      </c>
      <c r="L431" s="214">
        <v>0.15391309579171358</v>
      </c>
      <c r="M431" s="92">
        <v>6.9068146619635354E-2</v>
      </c>
      <c r="N431" s="214">
        <v>7.870429060162501E-2</v>
      </c>
      <c r="O431" s="92">
        <v>5.3992200455610012E-2</v>
      </c>
      <c r="P431" s="214">
        <v>0.76633811056524781</v>
      </c>
      <c r="Q431" s="257">
        <v>7.962667220130587E-2</v>
      </c>
      <c r="R431" s="214">
        <v>1.0445030414142288E-3</v>
      </c>
      <c r="S431" s="92">
        <v>2.485600422348852E-2</v>
      </c>
      <c r="T431" s="210">
        <v>111</v>
      </c>
      <c r="U431" s="214">
        <v>2.9937884238564427E-2</v>
      </c>
      <c r="V431" s="92">
        <v>3.9185313967583554E-2</v>
      </c>
      <c r="W431" s="214">
        <v>1.508607800311384E-2</v>
      </c>
      <c r="X431" s="92">
        <v>3.2800677305793391E-2</v>
      </c>
      <c r="Y431" s="214">
        <v>0.95497603775832218</v>
      </c>
      <c r="Z431" s="92">
        <v>4.45837126330072E-2</v>
      </c>
      <c r="AA431" s="214">
        <v>0</v>
      </c>
      <c r="AB431" s="92">
        <v>2.4380210707016403E-2</v>
      </c>
    </row>
    <row r="432" spans="1:28">
      <c r="A432" s="52" t="s">
        <v>558</v>
      </c>
      <c r="B432" s="209">
        <v>114</v>
      </c>
      <c r="C432" s="213">
        <v>8.2062321322531662E-2</v>
      </c>
      <c r="D432" s="89">
        <v>5.4296594470876459E-2</v>
      </c>
      <c r="E432" s="213">
        <v>6.0287070088856802E-2</v>
      </c>
      <c r="F432" s="89">
        <v>4.8551446442546477E-2</v>
      </c>
      <c r="G432" s="213">
        <v>0.85765060858861175</v>
      </c>
      <c r="H432" s="89">
        <v>6.6539446592696894E-2</v>
      </c>
      <c r="I432" s="213">
        <v>0</v>
      </c>
      <c r="J432" s="89">
        <v>2.3765720057393202E-2</v>
      </c>
      <c r="K432" s="209">
        <v>113</v>
      </c>
      <c r="L432" s="215">
        <v>0.22660639016750128</v>
      </c>
      <c r="M432" s="89">
        <v>7.8507286825705166E-2</v>
      </c>
      <c r="N432" s="213">
        <v>0.10487471875240992</v>
      </c>
      <c r="O432" s="89">
        <v>5.9734076084967752E-2</v>
      </c>
      <c r="P432" s="213">
        <v>0.66364620702558175</v>
      </c>
      <c r="Q432" s="256">
        <v>8.7709648124159434E-2</v>
      </c>
      <c r="R432" s="213">
        <v>4.8726840545075881E-3</v>
      </c>
      <c r="S432" s="89">
        <v>2.7001024801010774E-2</v>
      </c>
      <c r="T432" s="209">
        <v>112</v>
      </c>
      <c r="U432" s="213">
        <v>0.11988983141499775</v>
      </c>
      <c r="V432" s="89">
        <v>6.3056858767041549E-2</v>
      </c>
      <c r="W432" s="213">
        <v>9.253427487560606E-2</v>
      </c>
      <c r="X432" s="89">
        <v>5.7302733244223122E-2</v>
      </c>
      <c r="Y432" s="213">
        <v>0.78656010176739821</v>
      </c>
      <c r="Z432" s="89">
        <v>7.7336899896265812E-2</v>
      </c>
      <c r="AA432" s="213">
        <v>1.015791941998311E-3</v>
      </c>
      <c r="AB432" s="89">
        <v>2.4837469895913986E-2</v>
      </c>
    </row>
    <row r="433" spans="1:28">
      <c r="A433" s="44" t="s">
        <v>549</v>
      </c>
      <c r="B433" s="210">
        <v>64</v>
      </c>
      <c r="C433" s="214">
        <v>5.2769445553155776E-2</v>
      </c>
      <c r="D433" s="92">
        <v>6.5450445328288628E-2</v>
      </c>
      <c r="E433" s="214">
        <v>9.4828562006095712E-2</v>
      </c>
      <c r="F433" s="92">
        <v>7.8433735235667948E-2</v>
      </c>
      <c r="G433" s="214">
        <v>0.8514573932992725</v>
      </c>
      <c r="H433" s="92">
        <v>9.0937057452244549E-2</v>
      </c>
      <c r="I433" s="214">
        <v>9.4459914147613957E-4</v>
      </c>
      <c r="J433" s="92">
        <v>4.1573931849534097E-2</v>
      </c>
      <c r="K433" s="210">
        <v>62</v>
      </c>
      <c r="L433" s="214">
        <v>0.10612607725894088</v>
      </c>
      <c r="M433" s="92">
        <v>8.2791430467159838E-2</v>
      </c>
      <c r="N433" s="214">
        <v>0.15882198237030198</v>
      </c>
      <c r="O433" s="92">
        <v>9.4477635560300283E-2</v>
      </c>
      <c r="P433" s="214">
        <v>0.73246879454066272</v>
      </c>
      <c r="Q433" s="257">
        <v>0.11073043246878563</v>
      </c>
      <c r="R433" s="214">
        <v>2.5831458300943876E-3</v>
      </c>
      <c r="S433" s="92">
        <v>4.3802859803259875E-2</v>
      </c>
      <c r="T433" s="210">
        <v>63</v>
      </c>
      <c r="U433" s="214">
        <v>5.649931378910291E-2</v>
      </c>
      <c r="V433" s="92">
        <v>6.7400247882508535E-2</v>
      </c>
      <c r="W433" s="214">
        <v>7.1004165142978207E-2</v>
      </c>
      <c r="X433" s="92">
        <v>7.2186008896017922E-2</v>
      </c>
      <c r="Y433" s="214">
        <v>0.84299433616201369</v>
      </c>
      <c r="Z433" s="92">
        <v>9.33562409831174E-2</v>
      </c>
      <c r="AA433" s="214">
        <v>2.9502184905905292E-2</v>
      </c>
      <c r="AB433" s="92">
        <v>5.6923522163701869E-2</v>
      </c>
    </row>
    <row r="434" spans="1:28">
      <c r="A434" s="52" t="s">
        <v>550</v>
      </c>
      <c r="B434" s="209">
        <v>161</v>
      </c>
      <c r="C434" s="213">
        <v>2.7166317275405388E-2</v>
      </c>
      <c r="D434" s="89">
        <v>3.0004749553272283E-2</v>
      </c>
      <c r="E434" s="213">
        <v>7.2900209463850715E-2</v>
      </c>
      <c r="F434" s="89">
        <v>4.3014554639903939E-2</v>
      </c>
      <c r="G434" s="213">
        <v>0.89260587431846572</v>
      </c>
      <c r="H434" s="89">
        <v>5.0028710451685034E-2</v>
      </c>
      <c r="I434" s="213">
        <v>7.3275989422783095E-3</v>
      </c>
      <c r="J434" s="89">
        <v>2.140506551171802E-2</v>
      </c>
      <c r="K434" s="209">
        <v>160</v>
      </c>
      <c r="L434" s="215">
        <v>0.11223039660581949</v>
      </c>
      <c r="M434" s="89">
        <v>5.1057159691054871E-2</v>
      </c>
      <c r="N434" s="213">
        <v>0.1435214214170551</v>
      </c>
      <c r="O434" s="89">
        <v>5.6102324606782349E-2</v>
      </c>
      <c r="P434" s="213">
        <v>0.74378765671595726</v>
      </c>
      <c r="Q434" s="256">
        <v>6.8686521124542071E-2</v>
      </c>
      <c r="R434" s="213">
        <v>4.6052526116764224E-4</v>
      </c>
      <c r="S434" s="89">
        <v>1.7449951891093298E-2</v>
      </c>
      <c r="T434" s="209">
        <v>161</v>
      </c>
      <c r="U434" s="213">
        <v>3.3124847298543904E-2</v>
      </c>
      <c r="V434" s="89">
        <v>3.2086190611204803E-2</v>
      </c>
      <c r="W434" s="213">
        <v>6.4736389395426419E-2</v>
      </c>
      <c r="X434" s="89">
        <v>4.1082302094392439E-2</v>
      </c>
      <c r="Y434" s="213">
        <v>0.89481116436375141</v>
      </c>
      <c r="Z434" s="89">
        <v>4.9626521318257885E-2</v>
      </c>
      <c r="AA434" s="213">
        <v>7.3275989422783095E-3</v>
      </c>
      <c r="AB434" s="89">
        <v>2.140506551171802E-2</v>
      </c>
    </row>
    <row r="435" spans="1:28">
      <c r="A435" s="44" t="s">
        <v>551</v>
      </c>
      <c r="B435" s="210">
        <v>685</v>
      </c>
      <c r="C435" s="214">
        <v>8.4020584845178464E-2</v>
      </c>
      <c r="D435" s="92">
        <v>2.1410963064389686E-2</v>
      </c>
      <c r="E435" s="214">
        <v>0.11762036363066812</v>
      </c>
      <c r="F435" s="92">
        <v>2.4745858671543212E-2</v>
      </c>
      <c r="G435" s="214">
        <v>0.78821031168226907</v>
      </c>
      <c r="H435" s="92">
        <v>3.1220596174497722E-2</v>
      </c>
      <c r="I435" s="214">
        <v>1.0148739841889663E-2</v>
      </c>
      <c r="J435" s="92">
        <v>8.6283603307396803E-3</v>
      </c>
      <c r="K435" s="210">
        <v>684</v>
      </c>
      <c r="L435" s="214">
        <v>0.13685325219782549</v>
      </c>
      <c r="M435" s="92">
        <v>2.637535612512016E-2</v>
      </c>
      <c r="N435" s="214">
        <v>0.15994375782887291</v>
      </c>
      <c r="O435" s="92">
        <v>2.8088571927036392E-2</v>
      </c>
      <c r="P435" s="214">
        <v>0.69289119002984667</v>
      </c>
      <c r="Q435" s="257">
        <v>3.520904108920251E-2</v>
      </c>
      <c r="R435" s="214">
        <v>1.0311799943463169E-2</v>
      </c>
      <c r="S435" s="92">
        <v>8.6889630954005825E-3</v>
      </c>
      <c r="T435" s="210">
        <v>684</v>
      </c>
      <c r="U435" s="214">
        <v>8.873260281635878E-2</v>
      </c>
      <c r="V435" s="92">
        <v>2.1943395074246568E-2</v>
      </c>
      <c r="W435" s="214">
        <v>0.10376213977484122</v>
      </c>
      <c r="X435" s="92">
        <v>2.3478823226380785E-2</v>
      </c>
      <c r="Y435" s="214">
        <v>0.793818766402417</v>
      </c>
      <c r="Z435" s="92">
        <v>3.0941753739858836E-2</v>
      </c>
      <c r="AA435" s="214">
        <v>1.3686491006388352E-2</v>
      </c>
      <c r="AB435" s="92">
        <v>9.7172785440722588E-3</v>
      </c>
    </row>
  </sheetData>
  <mergeCells count="59">
    <mergeCell ref="A293:S293"/>
    <mergeCell ref="A266:D266"/>
    <mergeCell ref="B295:J295"/>
    <mergeCell ref="A324:D324"/>
    <mergeCell ref="A322:D322"/>
    <mergeCell ref="K411:S411"/>
    <mergeCell ref="B411:J411"/>
    <mergeCell ref="A380:D380"/>
    <mergeCell ref="T411:AB411"/>
    <mergeCell ref="A294:S294"/>
    <mergeCell ref="A381:D381"/>
    <mergeCell ref="A382:D382"/>
    <mergeCell ref="K353:S353"/>
    <mergeCell ref="T353:AB353"/>
    <mergeCell ref="A3:D3"/>
    <mergeCell ref="A4:D4"/>
    <mergeCell ref="A5:D5"/>
    <mergeCell ref="A32:BD32"/>
    <mergeCell ref="A149:AH149"/>
    <mergeCell ref="A148:AH148"/>
    <mergeCell ref="A119:D119"/>
    <mergeCell ref="A120:D120"/>
    <mergeCell ref="A121:D121"/>
    <mergeCell ref="M34:W34"/>
    <mergeCell ref="A33:BD33"/>
    <mergeCell ref="A90:W90"/>
    <mergeCell ref="M92:W92"/>
    <mergeCell ref="A235:S235"/>
    <mergeCell ref="A410:AB410"/>
    <mergeCell ref="A409:AB409"/>
    <mergeCell ref="X150:AH150"/>
    <mergeCell ref="A206:D206"/>
    <mergeCell ref="A178:L178"/>
    <mergeCell ref="B150:L150"/>
    <mergeCell ref="M150:W150"/>
    <mergeCell ref="B179:L179"/>
    <mergeCell ref="AC353:AK353"/>
    <mergeCell ref="A207:D207"/>
    <mergeCell ref="A208:D208"/>
    <mergeCell ref="A323:D323"/>
    <mergeCell ref="K295:S295"/>
    <mergeCell ref="A264:D264"/>
    <mergeCell ref="A265:D265"/>
    <mergeCell ref="AL353:AT353"/>
    <mergeCell ref="A352:AT352"/>
    <mergeCell ref="A351:AT351"/>
    <mergeCell ref="B353:J353"/>
    <mergeCell ref="X34:AH34"/>
    <mergeCell ref="AI34:AS34"/>
    <mergeCell ref="B34:L34"/>
    <mergeCell ref="AT34:BD34"/>
    <mergeCell ref="B92:L92"/>
    <mergeCell ref="A91:W91"/>
    <mergeCell ref="A61:D61"/>
    <mergeCell ref="A62:D62"/>
    <mergeCell ref="A63:D63"/>
    <mergeCell ref="B237:J237"/>
    <mergeCell ref="K237:S237"/>
    <mergeCell ref="A236:S236"/>
  </mergeCells>
  <pageMargins left="0.7" right="0.7" top="0.75" bottom="0.75" header="0.3" footer="0.3"/>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B00-000000000000}">
  <dimension ref="A1:CA59"/>
  <sheetViews>
    <sheetView zoomScaleNormal="100" workbookViewId="0"/>
  </sheetViews>
  <sheetFormatPr defaultColWidth="21.28515625" defaultRowHeight="15"/>
  <cols>
    <col min="1" max="1" width="41.140625" customWidth="1"/>
  </cols>
  <sheetData>
    <row r="1" spans="1:4" ht="31.5">
      <c r="A1" s="30" t="s">
        <v>52</v>
      </c>
    </row>
    <row r="3" spans="1:4" ht="18.75">
      <c r="A3" s="423" t="s">
        <v>17</v>
      </c>
      <c r="B3" s="423"/>
      <c r="C3" s="423"/>
      <c r="D3" s="423"/>
    </row>
    <row r="4" spans="1:4" ht="176.25" customHeight="1">
      <c r="A4" s="424" t="s">
        <v>438</v>
      </c>
      <c r="B4" s="424"/>
      <c r="C4" s="424"/>
      <c r="D4" s="424"/>
    </row>
    <row r="5" spans="1:4" ht="36.75" customHeight="1">
      <c r="A5" s="397" t="s">
        <v>149</v>
      </c>
      <c r="B5" s="397"/>
      <c r="C5" s="397"/>
      <c r="D5" s="397"/>
    </row>
    <row r="6" spans="1:4" ht="72">
      <c r="A6" s="32" t="s">
        <v>71</v>
      </c>
      <c r="B6" s="33" t="s">
        <v>72</v>
      </c>
      <c r="C6" s="34" t="s">
        <v>591</v>
      </c>
      <c r="D6" s="35" t="s">
        <v>73</v>
      </c>
    </row>
    <row r="7" spans="1:4" ht="60">
      <c r="A7" s="36"/>
      <c r="B7" s="37" t="s">
        <v>74</v>
      </c>
      <c r="C7" s="123" t="s">
        <v>150</v>
      </c>
      <c r="D7" s="39" t="s">
        <v>76</v>
      </c>
    </row>
    <row r="8" spans="1:4">
      <c r="A8" s="40" t="s">
        <v>350</v>
      </c>
      <c r="B8" s="216">
        <v>4275</v>
      </c>
      <c r="C8" s="79">
        <v>4.2385792530181288</v>
      </c>
      <c r="D8" s="80">
        <v>4.3532973073410114E-2</v>
      </c>
    </row>
    <row r="9" spans="1:4">
      <c r="A9" s="44" t="s">
        <v>351</v>
      </c>
      <c r="B9" s="44">
        <v>3994</v>
      </c>
      <c r="C9" s="218">
        <v>4.055070682855435</v>
      </c>
      <c r="D9" s="219">
        <v>4.4276035278054293E-2</v>
      </c>
    </row>
    <row r="10" spans="1:4">
      <c r="A10" s="40" t="s">
        <v>352</v>
      </c>
      <c r="B10" s="48">
        <v>281</v>
      </c>
      <c r="C10" s="79">
        <v>4.8525911245161026</v>
      </c>
      <c r="D10" s="80">
        <v>0.19225820332976956</v>
      </c>
    </row>
    <row r="11" spans="1:4">
      <c r="A11" s="44" t="s">
        <v>555</v>
      </c>
      <c r="B11" s="44">
        <v>1279</v>
      </c>
      <c r="C11" s="218">
        <v>4.1007432105604984</v>
      </c>
      <c r="D11" s="219">
        <v>7.8295710642739477E-2</v>
      </c>
    </row>
    <row r="12" spans="1:4">
      <c r="A12" s="40" t="s">
        <v>556</v>
      </c>
      <c r="B12" s="48">
        <v>1238</v>
      </c>
      <c r="C12" s="79">
        <v>3.9706260176355981</v>
      </c>
      <c r="D12" s="80">
        <v>7.898191071960417E-2</v>
      </c>
    </row>
    <row r="13" spans="1:4">
      <c r="A13" s="44" t="s">
        <v>536</v>
      </c>
      <c r="B13" s="44">
        <v>144</v>
      </c>
      <c r="C13" s="218">
        <v>3.6618179899249643</v>
      </c>
      <c r="D13" s="219">
        <v>0.23144091874516107</v>
      </c>
    </row>
    <row r="14" spans="1:4">
      <c r="A14" s="40" t="s">
        <v>537</v>
      </c>
      <c r="B14" s="48">
        <v>79</v>
      </c>
      <c r="C14" s="79">
        <v>3.7212258333816708</v>
      </c>
      <c r="D14" s="80">
        <v>0.28875110268821663</v>
      </c>
    </row>
    <row r="15" spans="1:4">
      <c r="A15" s="44" t="s">
        <v>538</v>
      </c>
      <c r="B15" s="44">
        <v>35</v>
      </c>
      <c r="C15" s="218">
        <v>3.2845234118458961</v>
      </c>
      <c r="D15" s="219">
        <v>0.53586289392194297</v>
      </c>
    </row>
    <row r="16" spans="1:4">
      <c r="A16" s="40" t="s">
        <v>539</v>
      </c>
      <c r="B16" s="48">
        <v>125</v>
      </c>
      <c r="C16" s="79">
        <v>3.3076664139704635</v>
      </c>
      <c r="D16" s="80">
        <v>0.22116517720495008</v>
      </c>
    </row>
    <row r="17" spans="1:79">
      <c r="A17" s="44" t="s">
        <v>540</v>
      </c>
      <c r="B17" s="44">
        <v>40</v>
      </c>
      <c r="C17" s="218">
        <v>2.7812102405464096</v>
      </c>
      <c r="D17" s="219">
        <v>0.39769103116050553</v>
      </c>
    </row>
    <row r="18" spans="1:79" ht="25.5">
      <c r="A18" s="40" t="s">
        <v>541</v>
      </c>
      <c r="B18" s="216">
        <v>52</v>
      </c>
      <c r="C18" s="79">
        <v>3.481208974286889</v>
      </c>
      <c r="D18" s="80">
        <v>0.35105446149147573</v>
      </c>
    </row>
    <row r="19" spans="1:79">
      <c r="A19" s="44" t="s">
        <v>542</v>
      </c>
      <c r="B19" s="217">
        <v>33</v>
      </c>
      <c r="C19" s="218">
        <v>3.6493109143906621</v>
      </c>
      <c r="D19" s="219">
        <v>0.40553716790771388</v>
      </c>
    </row>
    <row r="20" spans="1:79">
      <c r="A20" s="40" t="s">
        <v>543</v>
      </c>
      <c r="B20" s="78">
        <v>167</v>
      </c>
      <c r="C20" s="79">
        <v>4.2259688365018304</v>
      </c>
      <c r="D20" s="80">
        <v>0.2359511474732964</v>
      </c>
    </row>
    <row r="21" spans="1:79">
      <c r="A21" s="44" t="s">
        <v>616</v>
      </c>
      <c r="B21" s="217">
        <v>80</v>
      </c>
      <c r="C21" s="218">
        <v>4.0335846571983076</v>
      </c>
      <c r="D21" s="219">
        <v>0.36037466199327239</v>
      </c>
    </row>
    <row r="22" spans="1:79">
      <c r="A22" s="52" t="s">
        <v>544</v>
      </c>
      <c r="B22" s="216">
        <v>87</v>
      </c>
      <c r="C22" s="79">
        <v>4.3646639112755059</v>
      </c>
      <c r="D22" s="80">
        <v>0.30482252153421907</v>
      </c>
    </row>
    <row r="23" spans="1:79">
      <c r="A23" s="44" t="s">
        <v>545</v>
      </c>
      <c r="B23" s="217">
        <v>32</v>
      </c>
      <c r="C23" s="218">
        <v>4.3818548671150994</v>
      </c>
      <c r="D23" s="219">
        <v>0.44060167940584094</v>
      </c>
    </row>
    <row r="24" spans="1:79">
      <c r="A24" s="52" t="s">
        <v>546</v>
      </c>
      <c r="B24" s="216">
        <v>129</v>
      </c>
      <c r="C24" s="79">
        <v>3.2566935705673199</v>
      </c>
      <c r="D24" s="80">
        <v>0.24423626034175541</v>
      </c>
    </row>
    <row r="25" spans="1:79">
      <c r="A25" s="44" t="s">
        <v>557</v>
      </c>
      <c r="B25" s="217">
        <v>52</v>
      </c>
      <c r="C25" s="218">
        <v>3.6551298482964287</v>
      </c>
      <c r="D25" s="219">
        <v>0.39317538776219751</v>
      </c>
    </row>
    <row r="26" spans="1:79">
      <c r="A26" s="52" t="s">
        <v>558</v>
      </c>
      <c r="B26" s="216">
        <v>50</v>
      </c>
      <c r="C26" s="79">
        <v>3.0027261599859298</v>
      </c>
      <c r="D26" s="80">
        <v>0.37154703836930297</v>
      </c>
    </row>
    <row r="27" spans="1:79">
      <c r="A27" s="44" t="s">
        <v>549</v>
      </c>
      <c r="B27" s="217">
        <v>27</v>
      </c>
      <c r="C27" s="218">
        <v>2.7778091795216802</v>
      </c>
      <c r="D27" s="219">
        <v>0.48246085423322271</v>
      </c>
    </row>
    <row r="28" spans="1:79">
      <c r="A28" s="52" t="s">
        <v>550</v>
      </c>
      <c r="B28" s="216">
        <v>67</v>
      </c>
      <c r="C28" s="79">
        <v>3.5240386069652141</v>
      </c>
      <c r="D28" s="80">
        <v>0.33660549027255016</v>
      </c>
    </row>
    <row r="29" spans="1:79">
      <c r="A29" s="44" t="s">
        <v>551</v>
      </c>
      <c r="B29" s="217">
        <v>50</v>
      </c>
      <c r="C29" s="218">
        <v>4.6409612331262995</v>
      </c>
      <c r="D29" s="219">
        <v>0.42811457132713027</v>
      </c>
    </row>
    <row r="30" spans="1:79">
      <c r="W30" s="242"/>
      <c r="X30" s="242"/>
      <c r="Y30" s="242"/>
      <c r="Z30" s="242"/>
      <c r="AA30" s="242"/>
      <c r="AB30" s="242"/>
      <c r="AC30" s="242"/>
      <c r="AD30" s="242"/>
      <c r="AE30" s="242"/>
      <c r="AF30" s="242"/>
      <c r="AG30" s="242"/>
      <c r="AH30" s="242"/>
      <c r="AI30" s="242"/>
      <c r="AJ30" s="242"/>
      <c r="AK30" s="242"/>
      <c r="AL30" s="242"/>
      <c r="AM30" s="242"/>
      <c r="AN30" s="242"/>
      <c r="AO30" s="242"/>
      <c r="AP30" s="242"/>
      <c r="AQ30" s="242"/>
      <c r="AR30" s="242"/>
      <c r="AS30" s="242"/>
      <c r="AT30" s="242"/>
      <c r="AU30" s="242"/>
      <c r="AV30" s="242"/>
      <c r="AW30" s="242"/>
      <c r="AX30" s="242"/>
      <c r="AY30" s="242"/>
      <c r="AZ30" s="242"/>
      <c r="BA30" s="242"/>
      <c r="BB30" s="242"/>
      <c r="BC30" s="242"/>
      <c r="BD30" s="242"/>
      <c r="BE30" s="242"/>
      <c r="BF30" s="242"/>
      <c r="BG30" s="242"/>
      <c r="BH30" s="242"/>
      <c r="BI30" s="242"/>
      <c r="BJ30" s="242"/>
      <c r="BK30" s="242"/>
      <c r="BL30" s="242"/>
      <c r="BM30" s="242"/>
      <c r="BN30" s="242"/>
      <c r="BO30" s="242"/>
      <c r="BP30" s="242"/>
      <c r="BQ30" s="242"/>
      <c r="BR30" s="242"/>
      <c r="BS30" s="242"/>
      <c r="BT30" s="242"/>
      <c r="BU30" s="242"/>
      <c r="BV30" s="242"/>
      <c r="BW30" s="242"/>
      <c r="BX30" s="242"/>
      <c r="BY30" s="242"/>
      <c r="BZ30" s="242"/>
      <c r="CA30" s="242"/>
    </row>
    <row r="31" spans="1:79">
      <c r="W31" s="242"/>
      <c r="X31" s="242"/>
      <c r="Y31" s="242"/>
      <c r="Z31" s="242"/>
      <c r="AA31" s="242"/>
      <c r="AB31" s="242"/>
      <c r="AC31" s="242"/>
      <c r="AD31" s="242"/>
      <c r="AE31" s="242"/>
      <c r="AF31" s="242"/>
      <c r="AG31" s="242"/>
      <c r="AH31" s="242"/>
      <c r="AI31" s="242"/>
      <c r="AJ31" s="242"/>
      <c r="AK31" s="242"/>
      <c r="AL31" s="242"/>
      <c r="AM31" s="242"/>
      <c r="AN31" s="242"/>
      <c r="AO31" s="242"/>
      <c r="AP31" s="242"/>
      <c r="AQ31" s="242"/>
      <c r="AR31" s="242"/>
      <c r="AS31" s="242"/>
      <c r="AT31" s="242"/>
      <c r="AU31" s="242"/>
      <c r="AV31" s="242"/>
      <c r="AW31" s="242"/>
      <c r="AX31" s="242"/>
      <c r="AY31" s="242"/>
      <c r="AZ31" s="242"/>
      <c r="BA31" s="242"/>
      <c r="BB31" s="242"/>
      <c r="BC31" s="242"/>
      <c r="BD31" s="242"/>
      <c r="BE31" s="242"/>
      <c r="BF31" s="242"/>
      <c r="BG31" s="242"/>
      <c r="BH31" s="242"/>
      <c r="BI31" s="242"/>
      <c r="BJ31" s="242"/>
      <c r="BK31" s="242"/>
      <c r="BL31" s="242"/>
      <c r="BM31" s="242"/>
      <c r="BN31" s="242"/>
      <c r="BO31" s="242"/>
      <c r="BP31" s="242"/>
      <c r="BQ31" s="242"/>
      <c r="BR31" s="242"/>
      <c r="BS31" s="242"/>
      <c r="BT31" s="242"/>
      <c r="BU31" s="242"/>
      <c r="BV31" s="242"/>
      <c r="BW31" s="242"/>
      <c r="BX31" s="242"/>
      <c r="BY31" s="242"/>
      <c r="BZ31" s="242"/>
      <c r="CA31" s="242"/>
    </row>
    <row r="32" spans="1:79" ht="18.75">
      <c r="A32" s="421" t="s">
        <v>53</v>
      </c>
      <c r="B32" s="421"/>
      <c r="C32" s="421"/>
      <c r="D32" s="421"/>
      <c r="E32" s="421"/>
      <c r="F32" s="421"/>
      <c r="G32" s="421"/>
      <c r="H32" s="421"/>
      <c r="I32" s="421"/>
      <c r="J32" s="421"/>
      <c r="K32" s="421"/>
      <c r="L32" s="421"/>
      <c r="M32" s="421"/>
      <c r="N32" s="421"/>
      <c r="O32" s="421"/>
      <c r="P32" s="421"/>
      <c r="Q32" s="421"/>
      <c r="R32" s="421"/>
      <c r="S32" s="421"/>
      <c r="T32" s="421"/>
      <c r="U32" s="421"/>
      <c r="V32" s="421"/>
      <c r="W32" s="421"/>
      <c r="X32" s="421"/>
      <c r="Y32" s="421"/>
      <c r="Z32" s="421"/>
      <c r="AA32" s="421"/>
      <c r="AB32" s="421"/>
      <c r="AC32" s="421"/>
      <c r="AD32" s="421"/>
      <c r="AE32" s="421"/>
      <c r="AF32" s="421"/>
      <c r="AG32" s="421"/>
      <c r="AH32" s="421"/>
      <c r="AI32" s="421"/>
      <c r="AJ32" s="421"/>
      <c r="AK32" s="421"/>
      <c r="AL32" s="421"/>
      <c r="AM32" s="421"/>
      <c r="AN32" s="421"/>
      <c r="AO32" s="421"/>
      <c r="AP32" s="421"/>
      <c r="AQ32" s="421"/>
      <c r="AR32" s="421"/>
      <c r="AS32" s="421"/>
      <c r="AT32" s="421"/>
      <c r="AU32" s="421"/>
      <c r="AV32" s="421"/>
      <c r="AW32" s="421"/>
      <c r="AX32" s="421"/>
      <c r="AY32" s="421"/>
      <c r="AZ32" s="421"/>
      <c r="BA32" s="421"/>
      <c r="BB32" s="421"/>
      <c r="BC32" s="421"/>
      <c r="BD32" s="421"/>
      <c r="BE32" s="421"/>
      <c r="BF32" s="421"/>
      <c r="BG32" s="421"/>
      <c r="BH32" s="421"/>
      <c r="BI32" s="421"/>
      <c r="BJ32" s="421"/>
      <c r="BK32" s="421"/>
      <c r="BL32" s="421"/>
      <c r="BM32" s="421"/>
      <c r="BN32" s="421"/>
      <c r="BO32" s="421"/>
      <c r="BP32" s="421"/>
      <c r="BQ32" s="421"/>
      <c r="BR32" s="421"/>
      <c r="BS32" s="421"/>
      <c r="BT32" s="421"/>
      <c r="BU32" s="421"/>
      <c r="BV32" s="421"/>
      <c r="BW32" s="421"/>
      <c r="BX32" s="421"/>
      <c r="BY32" s="421"/>
      <c r="BZ32" s="421"/>
    </row>
    <row r="33" spans="1:78" ht="83.25" customHeight="1">
      <c r="A33" s="422" t="s">
        <v>606</v>
      </c>
      <c r="B33" s="422"/>
      <c r="C33" s="422"/>
      <c r="D33" s="422"/>
      <c r="E33" s="422"/>
      <c r="F33" s="422"/>
      <c r="G33" s="422"/>
      <c r="H33" s="422"/>
      <c r="I33" s="422"/>
      <c r="J33" s="422"/>
      <c r="K33" s="422"/>
      <c r="L33" s="422"/>
      <c r="M33" s="422"/>
      <c r="N33" s="422"/>
      <c r="O33" s="422"/>
      <c r="P33" s="422"/>
      <c r="Q33" s="422"/>
      <c r="R33" s="422"/>
      <c r="S33" s="422"/>
      <c r="T33" s="422"/>
      <c r="U33" s="422"/>
      <c r="V33" s="422"/>
      <c r="W33" s="422"/>
      <c r="X33" s="422"/>
      <c r="Y33" s="422"/>
      <c r="Z33" s="422"/>
      <c r="AA33" s="422"/>
      <c r="AB33" s="422"/>
      <c r="AC33" s="422"/>
      <c r="AD33" s="422"/>
      <c r="AE33" s="422"/>
      <c r="AF33" s="422"/>
      <c r="AG33" s="422"/>
      <c r="AH33" s="422"/>
      <c r="AI33" s="422"/>
      <c r="AJ33" s="422"/>
      <c r="AK33" s="422"/>
      <c r="AL33" s="422"/>
      <c r="AM33" s="422"/>
      <c r="AN33" s="422"/>
      <c r="AO33" s="422"/>
      <c r="AP33" s="422"/>
      <c r="AQ33" s="422"/>
      <c r="AR33" s="422"/>
      <c r="AS33" s="422"/>
      <c r="AT33" s="422"/>
      <c r="AU33" s="422"/>
      <c r="AV33" s="422"/>
      <c r="AW33" s="422"/>
      <c r="AX33" s="422"/>
      <c r="AY33" s="422"/>
      <c r="AZ33" s="422"/>
      <c r="BA33" s="422"/>
      <c r="BB33" s="422"/>
      <c r="BC33" s="422"/>
      <c r="BD33" s="422"/>
      <c r="BE33" s="422"/>
      <c r="BF33" s="422"/>
      <c r="BG33" s="422"/>
      <c r="BH33" s="422"/>
      <c r="BI33" s="422"/>
      <c r="BJ33" s="422"/>
      <c r="BK33" s="422"/>
      <c r="BL33" s="422"/>
      <c r="BM33" s="422"/>
      <c r="BN33" s="422"/>
      <c r="BO33" s="422"/>
      <c r="BP33" s="422"/>
      <c r="BQ33" s="422"/>
      <c r="BR33" s="422"/>
      <c r="BS33" s="422"/>
      <c r="BT33" s="422"/>
      <c r="BU33" s="422"/>
      <c r="BV33" s="422"/>
      <c r="BW33" s="422"/>
      <c r="BX33" s="422"/>
      <c r="BY33" s="422"/>
      <c r="BZ33" s="422"/>
    </row>
    <row r="34" spans="1:78" ht="33.75" customHeight="1">
      <c r="A34" s="59"/>
      <c r="B34" s="348" t="s">
        <v>439</v>
      </c>
      <c r="C34" s="348"/>
      <c r="D34" s="348"/>
      <c r="E34" s="348"/>
      <c r="F34" s="348"/>
      <c r="G34" s="348"/>
      <c r="H34" s="348"/>
      <c r="I34" s="399" t="s">
        <v>440</v>
      </c>
      <c r="J34" s="400"/>
      <c r="K34" s="400"/>
      <c r="L34" s="400"/>
      <c r="M34" s="400"/>
      <c r="N34" s="400"/>
      <c r="O34" s="401"/>
      <c r="P34" s="399" t="s">
        <v>441</v>
      </c>
      <c r="Q34" s="400"/>
      <c r="R34" s="400"/>
      <c r="S34" s="400"/>
      <c r="T34" s="400"/>
      <c r="U34" s="400"/>
      <c r="V34" s="401"/>
      <c r="W34" s="399" t="s">
        <v>442</v>
      </c>
      <c r="X34" s="400"/>
      <c r="Y34" s="400"/>
      <c r="Z34" s="400"/>
      <c r="AA34" s="400"/>
      <c r="AB34" s="400"/>
      <c r="AC34" s="401"/>
      <c r="AD34" s="399" t="s">
        <v>443</v>
      </c>
      <c r="AE34" s="400"/>
      <c r="AF34" s="400"/>
      <c r="AG34" s="400"/>
      <c r="AH34" s="400"/>
      <c r="AI34" s="400"/>
      <c r="AJ34" s="401"/>
      <c r="AK34" s="399" t="s">
        <v>444</v>
      </c>
      <c r="AL34" s="400"/>
      <c r="AM34" s="400"/>
      <c r="AN34" s="400"/>
      <c r="AO34" s="400"/>
      <c r="AP34" s="400"/>
      <c r="AQ34" s="401"/>
      <c r="AR34" s="399" t="s">
        <v>445</v>
      </c>
      <c r="AS34" s="400"/>
      <c r="AT34" s="400"/>
      <c r="AU34" s="400"/>
      <c r="AV34" s="400"/>
      <c r="AW34" s="400"/>
      <c r="AX34" s="401"/>
      <c r="AY34" s="399" t="s">
        <v>446</v>
      </c>
      <c r="AZ34" s="400"/>
      <c r="BA34" s="400"/>
      <c r="BB34" s="400"/>
      <c r="BC34" s="400"/>
      <c r="BD34" s="400"/>
      <c r="BE34" s="401"/>
      <c r="BF34" s="399" t="s">
        <v>447</v>
      </c>
      <c r="BG34" s="400"/>
      <c r="BH34" s="400"/>
      <c r="BI34" s="400"/>
      <c r="BJ34" s="400"/>
      <c r="BK34" s="400"/>
      <c r="BL34" s="401"/>
      <c r="BM34" s="348" t="s">
        <v>448</v>
      </c>
      <c r="BN34" s="348"/>
      <c r="BO34" s="348"/>
      <c r="BP34" s="348"/>
      <c r="BQ34" s="348"/>
      <c r="BR34" s="348"/>
      <c r="BS34" s="348"/>
      <c r="BT34" s="348" t="s">
        <v>449</v>
      </c>
      <c r="BU34" s="348"/>
      <c r="BV34" s="348"/>
      <c r="BW34" s="348"/>
      <c r="BX34" s="348"/>
      <c r="BY34" s="348"/>
      <c r="BZ34" s="348"/>
    </row>
    <row r="35" spans="1:78" ht="72">
      <c r="A35" s="32" t="s">
        <v>71</v>
      </c>
      <c r="B35" s="33" t="s">
        <v>72</v>
      </c>
      <c r="C35" s="33" t="s">
        <v>453</v>
      </c>
      <c r="D35" s="84" t="s">
        <v>535</v>
      </c>
      <c r="E35" s="33" t="s">
        <v>451</v>
      </c>
      <c r="F35" s="84" t="s">
        <v>452</v>
      </c>
      <c r="G35" s="33" t="s">
        <v>450</v>
      </c>
      <c r="H35" s="84" t="s">
        <v>454</v>
      </c>
      <c r="I35" s="60" t="s">
        <v>72</v>
      </c>
      <c r="J35" s="60" t="s">
        <v>453</v>
      </c>
      <c r="K35" s="83" t="s">
        <v>535</v>
      </c>
      <c r="L35" s="60" t="s">
        <v>451</v>
      </c>
      <c r="M35" s="83" t="s">
        <v>452</v>
      </c>
      <c r="N35" s="60" t="s">
        <v>450</v>
      </c>
      <c r="O35" s="83" t="s">
        <v>454</v>
      </c>
      <c r="P35" s="33" t="s">
        <v>72</v>
      </c>
      <c r="Q35" s="33" t="s">
        <v>453</v>
      </c>
      <c r="R35" s="84" t="s">
        <v>535</v>
      </c>
      <c r="S35" s="33" t="s">
        <v>451</v>
      </c>
      <c r="T35" s="84" t="s">
        <v>452</v>
      </c>
      <c r="U35" s="33" t="s">
        <v>450</v>
      </c>
      <c r="V35" s="84" t="s">
        <v>454</v>
      </c>
      <c r="W35" s="60" t="s">
        <v>72</v>
      </c>
      <c r="X35" s="60" t="s">
        <v>453</v>
      </c>
      <c r="Y35" s="83" t="s">
        <v>535</v>
      </c>
      <c r="Z35" s="60" t="s">
        <v>451</v>
      </c>
      <c r="AA35" s="83" t="s">
        <v>452</v>
      </c>
      <c r="AB35" s="60" t="s">
        <v>450</v>
      </c>
      <c r="AC35" s="83" t="s">
        <v>454</v>
      </c>
      <c r="AD35" s="33" t="s">
        <v>72</v>
      </c>
      <c r="AE35" s="33" t="s">
        <v>453</v>
      </c>
      <c r="AF35" s="84" t="s">
        <v>535</v>
      </c>
      <c r="AG35" s="33" t="s">
        <v>451</v>
      </c>
      <c r="AH35" s="84" t="s">
        <v>452</v>
      </c>
      <c r="AI35" s="33" t="s">
        <v>450</v>
      </c>
      <c r="AJ35" s="84" t="s">
        <v>454</v>
      </c>
      <c r="AK35" s="60" t="s">
        <v>72</v>
      </c>
      <c r="AL35" s="60" t="s">
        <v>453</v>
      </c>
      <c r="AM35" s="83" t="s">
        <v>535</v>
      </c>
      <c r="AN35" s="60" t="s">
        <v>451</v>
      </c>
      <c r="AO35" s="83" t="s">
        <v>452</v>
      </c>
      <c r="AP35" s="60" t="s">
        <v>450</v>
      </c>
      <c r="AQ35" s="83" t="s">
        <v>454</v>
      </c>
      <c r="AR35" s="33" t="s">
        <v>72</v>
      </c>
      <c r="AS35" s="33" t="s">
        <v>453</v>
      </c>
      <c r="AT35" s="84" t="s">
        <v>535</v>
      </c>
      <c r="AU35" s="33" t="s">
        <v>451</v>
      </c>
      <c r="AV35" s="84" t="s">
        <v>452</v>
      </c>
      <c r="AW35" s="33" t="s">
        <v>450</v>
      </c>
      <c r="AX35" s="84" t="s">
        <v>454</v>
      </c>
      <c r="AY35" s="60" t="s">
        <v>72</v>
      </c>
      <c r="AZ35" s="60" t="s">
        <v>453</v>
      </c>
      <c r="BA35" s="83" t="s">
        <v>535</v>
      </c>
      <c r="BB35" s="60" t="s">
        <v>451</v>
      </c>
      <c r="BC35" s="83" t="s">
        <v>452</v>
      </c>
      <c r="BD35" s="60" t="s">
        <v>450</v>
      </c>
      <c r="BE35" s="83" t="s">
        <v>454</v>
      </c>
      <c r="BF35" s="33" t="s">
        <v>72</v>
      </c>
      <c r="BG35" s="33" t="s">
        <v>453</v>
      </c>
      <c r="BH35" s="84" t="s">
        <v>535</v>
      </c>
      <c r="BI35" s="33" t="s">
        <v>451</v>
      </c>
      <c r="BJ35" s="84" t="s">
        <v>452</v>
      </c>
      <c r="BK35" s="33" t="s">
        <v>450</v>
      </c>
      <c r="BL35" s="84" t="s">
        <v>454</v>
      </c>
      <c r="BM35" s="60" t="s">
        <v>72</v>
      </c>
      <c r="BN35" s="60" t="s">
        <v>453</v>
      </c>
      <c r="BO35" s="83" t="s">
        <v>535</v>
      </c>
      <c r="BP35" s="60" t="s">
        <v>451</v>
      </c>
      <c r="BQ35" s="83" t="s">
        <v>452</v>
      </c>
      <c r="BR35" s="60" t="s">
        <v>450</v>
      </c>
      <c r="BS35" s="83" t="s">
        <v>454</v>
      </c>
      <c r="BT35" s="33" t="s">
        <v>72</v>
      </c>
      <c r="BU35" s="33" t="s">
        <v>453</v>
      </c>
      <c r="BV35" s="84" t="s">
        <v>535</v>
      </c>
      <c r="BW35" s="33" t="s">
        <v>451</v>
      </c>
      <c r="BX35" s="84" t="s">
        <v>452</v>
      </c>
      <c r="BY35" s="33" t="s">
        <v>450</v>
      </c>
      <c r="BZ35" s="84" t="s">
        <v>454</v>
      </c>
    </row>
    <row r="36" spans="1:78" ht="60">
      <c r="A36" s="36"/>
      <c r="B36" s="37" t="s">
        <v>74</v>
      </c>
      <c r="C36" s="37" t="s">
        <v>161</v>
      </c>
      <c r="D36" s="86" t="s">
        <v>88</v>
      </c>
      <c r="E36" s="37" t="s">
        <v>160</v>
      </c>
      <c r="F36" s="86" t="s">
        <v>88</v>
      </c>
      <c r="G36" s="37" t="s">
        <v>159</v>
      </c>
      <c r="H36" s="86" t="s">
        <v>88</v>
      </c>
      <c r="I36" s="63" t="s">
        <v>74</v>
      </c>
      <c r="J36" s="63" t="s">
        <v>161</v>
      </c>
      <c r="K36" s="85" t="s">
        <v>88</v>
      </c>
      <c r="L36" s="63" t="s">
        <v>160</v>
      </c>
      <c r="M36" s="85" t="s">
        <v>88</v>
      </c>
      <c r="N36" s="63" t="s">
        <v>159</v>
      </c>
      <c r="O36" s="85" t="s">
        <v>88</v>
      </c>
      <c r="P36" s="37" t="s">
        <v>74</v>
      </c>
      <c r="Q36" s="37" t="s">
        <v>161</v>
      </c>
      <c r="R36" s="86" t="s">
        <v>88</v>
      </c>
      <c r="S36" s="37" t="s">
        <v>160</v>
      </c>
      <c r="T36" s="86" t="s">
        <v>88</v>
      </c>
      <c r="U36" s="37" t="s">
        <v>159</v>
      </c>
      <c r="V36" s="86" t="s">
        <v>88</v>
      </c>
      <c r="W36" s="63" t="s">
        <v>74</v>
      </c>
      <c r="X36" s="63" t="s">
        <v>161</v>
      </c>
      <c r="Y36" s="85" t="s">
        <v>88</v>
      </c>
      <c r="Z36" s="63" t="s">
        <v>160</v>
      </c>
      <c r="AA36" s="85" t="s">
        <v>88</v>
      </c>
      <c r="AB36" s="63" t="s">
        <v>159</v>
      </c>
      <c r="AC36" s="85" t="s">
        <v>88</v>
      </c>
      <c r="AD36" s="37" t="s">
        <v>74</v>
      </c>
      <c r="AE36" s="37" t="s">
        <v>161</v>
      </c>
      <c r="AF36" s="86" t="s">
        <v>88</v>
      </c>
      <c r="AG36" s="37" t="s">
        <v>160</v>
      </c>
      <c r="AH36" s="86" t="s">
        <v>88</v>
      </c>
      <c r="AI36" s="37" t="s">
        <v>159</v>
      </c>
      <c r="AJ36" s="86" t="s">
        <v>88</v>
      </c>
      <c r="AK36" s="63" t="s">
        <v>74</v>
      </c>
      <c r="AL36" s="63" t="s">
        <v>161</v>
      </c>
      <c r="AM36" s="85" t="s">
        <v>88</v>
      </c>
      <c r="AN36" s="63" t="s">
        <v>160</v>
      </c>
      <c r="AO36" s="85" t="s">
        <v>88</v>
      </c>
      <c r="AP36" s="63" t="s">
        <v>159</v>
      </c>
      <c r="AQ36" s="85" t="s">
        <v>88</v>
      </c>
      <c r="AR36" s="37" t="s">
        <v>74</v>
      </c>
      <c r="AS36" s="37" t="s">
        <v>161</v>
      </c>
      <c r="AT36" s="86" t="s">
        <v>88</v>
      </c>
      <c r="AU36" s="37" t="s">
        <v>160</v>
      </c>
      <c r="AV36" s="86" t="s">
        <v>88</v>
      </c>
      <c r="AW36" s="37" t="s">
        <v>159</v>
      </c>
      <c r="AX36" s="86" t="s">
        <v>88</v>
      </c>
      <c r="AY36" s="63" t="s">
        <v>74</v>
      </c>
      <c r="AZ36" s="63" t="s">
        <v>161</v>
      </c>
      <c r="BA36" s="85" t="s">
        <v>88</v>
      </c>
      <c r="BB36" s="63" t="s">
        <v>160</v>
      </c>
      <c r="BC36" s="85" t="s">
        <v>88</v>
      </c>
      <c r="BD36" s="63" t="s">
        <v>159</v>
      </c>
      <c r="BE36" s="85" t="s">
        <v>88</v>
      </c>
      <c r="BF36" s="37" t="s">
        <v>74</v>
      </c>
      <c r="BG36" s="37" t="s">
        <v>161</v>
      </c>
      <c r="BH36" s="86" t="s">
        <v>88</v>
      </c>
      <c r="BI36" s="37" t="s">
        <v>160</v>
      </c>
      <c r="BJ36" s="86" t="s">
        <v>88</v>
      </c>
      <c r="BK36" s="37" t="s">
        <v>159</v>
      </c>
      <c r="BL36" s="86" t="s">
        <v>88</v>
      </c>
      <c r="BM36" s="63" t="s">
        <v>74</v>
      </c>
      <c r="BN36" s="63" t="s">
        <v>161</v>
      </c>
      <c r="BO36" s="85" t="s">
        <v>88</v>
      </c>
      <c r="BP36" s="63" t="s">
        <v>160</v>
      </c>
      <c r="BQ36" s="85" t="s">
        <v>88</v>
      </c>
      <c r="BR36" s="63" t="s">
        <v>159</v>
      </c>
      <c r="BS36" s="85" t="s">
        <v>88</v>
      </c>
      <c r="BT36" s="37" t="s">
        <v>74</v>
      </c>
      <c r="BU36" s="37" t="s">
        <v>161</v>
      </c>
      <c r="BV36" s="86" t="s">
        <v>88</v>
      </c>
      <c r="BW36" s="37" t="s">
        <v>160</v>
      </c>
      <c r="BX36" s="86" t="s">
        <v>88</v>
      </c>
      <c r="BY36" s="37" t="s">
        <v>159</v>
      </c>
      <c r="BZ36" s="86" t="s">
        <v>88</v>
      </c>
    </row>
    <row r="37" spans="1:78">
      <c r="A37" s="40" t="s">
        <v>350</v>
      </c>
      <c r="B37" s="318">
        <v>5956</v>
      </c>
      <c r="C37" s="319">
        <v>0.37049069428944598</v>
      </c>
      <c r="D37" s="314">
        <v>1.2511735318604604E-2</v>
      </c>
      <c r="E37" s="319">
        <v>0.1599777478250527</v>
      </c>
      <c r="F37" s="314">
        <v>9.5023841602421659E-3</v>
      </c>
      <c r="G37" s="319">
        <v>0.46953155788551576</v>
      </c>
      <c r="H37" s="314">
        <v>1.2929154394251645E-2</v>
      </c>
      <c r="I37" s="318">
        <v>5922</v>
      </c>
      <c r="J37" s="319">
        <v>0.3202704189255845</v>
      </c>
      <c r="K37" s="314">
        <v>1.2123252485466772E-2</v>
      </c>
      <c r="L37" s="319">
        <v>0.20725273765163249</v>
      </c>
      <c r="M37" s="314">
        <v>1.0534634910465399E-2</v>
      </c>
      <c r="N37" s="319">
        <v>0.47247684342279844</v>
      </c>
      <c r="O37" s="314">
        <v>1.2970630604819199E-2</v>
      </c>
      <c r="P37" s="318">
        <v>5468</v>
      </c>
      <c r="Q37" s="319">
        <v>0.30206896910918485</v>
      </c>
      <c r="R37" s="314">
        <v>1.2415814816631163E-2</v>
      </c>
      <c r="S37" s="319">
        <v>0.18346284940323676</v>
      </c>
      <c r="T37" s="314">
        <v>1.046962551040026E-2</v>
      </c>
      <c r="U37" s="319">
        <v>0.51446818148759343</v>
      </c>
      <c r="V37" s="314">
        <v>1.3512799261988374E-2</v>
      </c>
      <c r="W37" s="318">
        <v>5447</v>
      </c>
      <c r="X37" s="319">
        <v>0.35307457444302009</v>
      </c>
      <c r="Y37" s="314">
        <v>1.294739336443374E-2</v>
      </c>
      <c r="Z37" s="319">
        <v>0.10886926160360699</v>
      </c>
      <c r="AA37" s="314">
        <v>8.4472826242000202E-3</v>
      </c>
      <c r="AB37" s="319">
        <v>0.53805616395338862</v>
      </c>
      <c r="AC37" s="314">
        <v>1.3505235281819442E-2</v>
      </c>
      <c r="AD37" s="318">
        <v>6309</v>
      </c>
      <c r="AE37" s="319">
        <v>0.49453297063703761</v>
      </c>
      <c r="AF37" s="314">
        <v>1.2585085660763469E-2</v>
      </c>
      <c r="AG37" s="319">
        <v>0.14843995879291633</v>
      </c>
      <c r="AH37" s="314">
        <v>8.9549662678002472E-3</v>
      </c>
      <c r="AI37" s="319">
        <v>0.35702707057006011</v>
      </c>
      <c r="AJ37" s="314">
        <v>1.2061005418285576E-2</v>
      </c>
      <c r="AK37" s="318">
        <v>5518</v>
      </c>
      <c r="AL37" s="319">
        <v>0.52547463879812939</v>
      </c>
      <c r="AM37" s="314">
        <v>1.3439657691013346E-2</v>
      </c>
      <c r="AN37" s="319">
        <v>0.15759180430687189</v>
      </c>
      <c r="AO37" s="314">
        <v>9.8126758486079737E-3</v>
      </c>
      <c r="AP37" s="319">
        <v>0.31693355689501318</v>
      </c>
      <c r="AQ37" s="314">
        <v>1.2524086529603429E-2</v>
      </c>
      <c r="AR37" s="318">
        <v>6397</v>
      </c>
      <c r="AS37" s="319">
        <v>0.60834290820929027</v>
      </c>
      <c r="AT37" s="314">
        <v>1.2202439694925581E-2</v>
      </c>
      <c r="AU37" s="319">
        <v>0.14008316377450217</v>
      </c>
      <c r="AV37" s="314">
        <v>8.6819811996107551E-3</v>
      </c>
      <c r="AW37" s="319">
        <v>0.25157392801621475</v>
      </c>
      <c r="AX37" s="314">
        <v>1.084931357554981E-2</v>
      </c>
      <c r="AY37" s="318">
        <v>5390</v>
      </c>
      <c r="AZ37" s="319">
        <v>0.24103991578375566</v>
      </c>
      <c r="BA37" s="314">
        <v>1.1650550775255196E-2</v>
      </c>
      <c r="BB37" s="319">
        <v>0.16863534246044068</v>
      </c>
      <c r="BC37" s="314">
        <v>1.0202264964101456E-2</v>
      </c>
      <c r="BD37" s="319">
        <v>0.59032474175581984</v>
      </c>
      <c r="BE37" s="314">
        <v>1.3392163596050935E-2</v>
      </c>
      <c r="BF37" s="318">
        <v>6291</v>
      </c>
      <c r="BG37" s="319">
        <v>0.43285923832274098</v>
      </c>
      <c r="BH37" s="314">
        <v>1.2489813994813911E-2</v>
      </c>
      <c r="BI37" s="319">
        <v>0.1933525925834344</v>
      </c>
      <c r="BJ37" s="314">
        <v>9.9589891674521595E-3</v>
      </c>
      <c r="BK37" s="319">
        <v>0.37378816909383761</v>
      </c>
      <c r="BL37" s="314">
        <v>1.2196193659193085E-2</v>
      </c>
      <c r="BM37" s="318">
        <v>6457</v>
      </c>
      <c r="BN37" s="319">
        <v>0.47806856692483712</v>
      </c>
      <c r="BO37" s="314">
        <v>1.2428893438964349E-2</v>
      </c>
      <c r="BP37" s="319">
        <v>0.13367186186627561</v>
      </c>
      <c r="BQ37" s="314">
        <v>8.4733001245156179E-3</v>
      </c>
      <c r="BR37" s="319">
        <v>0.38825957120890364</v>
      </c>
      <c r="BS37" s="314">
        <v>1.2126596623413729E-2</v>
      </c>
      <c r="BT37" s="318">
        <v>4556</v>
      </c>
      <c r="BU37" s="319">
        <v>0.45051591088299064</v>
      </c>
      <c r="BV37" s="314">
        <v>1.4736147791075243E-2</v>
      </c>
      <c r="BW37" s="319">
        <v>0.16245235770160246</v>
      </c>
      <c r="BX37" s="314">
        <v>1.0932865046227843E-2</v>
      </c>
      <c r="BY37" s="319">
        <v>0.38703173141542258</v>
      </c>
      <c r="BZ37" s="314">
        <v>1.442647875141443E-2</v>
      </c>
    </row>
    <row r="38" spans="1:78">
      <c r="A38" s="44" t="s">
        <v>351</v>
      </c>
      <c r="B38" s="210">
        <v>5550</v>
      </c>
      <c r="C38" s="214">
        <v>0.38847304466882099</v>
      </c>
      <c r="D38" s="92">
        <v>1.3080720773607194E-2</v>
      </c>
      <c r="E38" s="214">
        <v>0.15890324539520123</v>
      </c>
      <c r="F38" s="92">
        <v>9.8172179131273581E-3</v>
      </c>
      <c r="G38" s="214">
        <v>0.45262370993599282</v>
      </c>
      <c r="H38" s="92">
        <v>1.3358002837709698E-2</v>
      </c>
      <c r="I38" s="210">
        <v>5547</v>
      </c>
      <c r="J38" s="214">
        <v>0.34842666060615252</v>
      </c>
      <c r="K38" s="92">
        <v>1.2791261576870834E-2</v>
      </c>
      <c r="L38" s="214">
        <v>0.21645049950628806</v>
      </c>
      <c r="M38" s="92">
        <v>1.1058727314933278E-2</v>
      </c>
      <c r="N38" s="214">
        <v>0.43512283988757489</v>
      </c>
      <c r="O38" s="92">
        <v>1.3308609639994364E-2</v>
      </c>
      <c r="P38" s="210">
        <v>5112</v>
      </c>
      <c r="Q38" s="214">
        <v>0.32866869232172857</v>
      </c>
      <c r="R38" s="92">
        <v>1.3135829378071577E-2</v>
      </c>
      <c r="S38" s="214">
        <v>0.1871438296797075</v>
      </c>
      <c r="T38" s="92">
        <v>1.0911328310163483E-2</v>
      </c>
      <c r="U38" s="214">
        <v>0.48418747799857975</v>
      </c>
      <c r="V38" s="92">
        <v>1.3973904949301797E-2</v>
      </c>
      <c r="W38" s="210">
        <v>5068</v>
      </c>
      <c r="X38" s="214">
        <v>0.3962727834225182</v>
      </c>
      <c r="Y38" s="92">
        <v>1.3736410790152219E-2</v>
      </c>
      <c r="Z38" s="214">
        <v>0.11936256301415138</v>
      </c>
      <c r="AA38" s="92">
        <v>9.1147424722684469E-3</v>
      </c>
      <c r="AB38" s="214">
        <v>0.48436465356334829</v>
      </c>
      <c r="AC38" s="92">
        <v>1.4034542823167717E-2</v>
      </c>
      <c r="AD38" s="210">
        <v>5874</v>
      </c>
      <c r="AE38" s="214">
        <v>0.51061691895571304</v>
      </c>
      <c r="AF38" s="92">
        <v>1.3040294930018449E-2</v>
      </c>
      <c r="AG38" s="214">
        <v>0.15647670014792994</v>
      </c>
      <c r="AH38" s="92">
        <v>9.4831487834469985E-3</v>
      </c>
      <c r="AI38" s="214">
        <v>0.33290638089637303</v>
      </c>
      <c r="AJ38" s="92">
        <v>1.2294384680554087E-2</v>
      </c>
      <c r="AK38" s="210">
        <v>5156</v>
      </c>
      <c r="AL38" s="214">
        <v>0.53898350481879531</v>
      </c>
      <c r="AM38" s="92">
        <v>1.3878840109256026E-2</v>
      </c>
      <c r="AN38" s="214">
        <v>0.16639969075272215</v>
      </c>
      <c r="AO38" s="92">
        <v>1.0376004971847158E-2</v>
      </c>
      <c r="AP38" s="214">
        <v>0.29461680442849547</v>
      </c>
      <c r="AQ38" s="92">
        <v>1.2694475282381528E-2</v>
      </c>
      <c r="AR38" s="210">
        <v>5971</v>
      </c>
      <c r="AS38" s="214">
        <v>0.64401070625015966</v>
      </c>
      <c r="AT38" s="92">
        <v>1.2389459010041251E-2</v>
      </c>
      <c r="AU38" s="214">
        <v>0.1492546452857231</v>
      </c>
      <c r="AV38" s="92">
        <v>9.2258453436001864E-3</v>
      </c>
      <c r="AW38" s="214">
        <v>0.20673464846413378</v>
      </c>
      <c r="AX38" s="92">
        <v>1.048164117595389E-2</v>
      </c>
      <c r="AY38" s="210">
        <v>5052</v>
      </c>
      <c r="AZ38" s="214">
        <v>0.25823944813279925</v>
      </c>
      <c r="BA38" s="92">
        <v>1.2313298109162462E-2</v>
      </c>
      <c r="BB38" s="214">
        <v>0.17417349923654613</v>
      </c>
      <c r="BC38" s="92">
        <v>1.0673706464127512E-2</v>
      </c>
      <c r="BD38" s="214">
        <v>0.56758705263067077</v>
      </c>
      <c r="BE38" s="92">
        <v>1.3934726204684621E-2</v>
      </c>
      <c r="BF38" s="210">
        <v>5856</v>
      </c>
      <c r="BG38" s="214">
        <v>0.44419665227829086</v>
      </c>
      <c r="BH38" s="92">
        <v>1.2981747126674574E-2</v>
      </c>
      <c r="BI38" s="214">
        <v>0.19600221765628845</v>
      </c>
      <c r="BJ38" s="92">
        <v>1.0375590566453752E-2</v>
      </c>
      <c r="BK38" s="214">
        <v>0.35980113006543574</v>
      </c>
      <c r="BL38" s="92">
        <v>1.2539932161268693E-2</v>
      </c>
      <c r="BM38" s="210">
        <v>6034</v>
      </c>
      <c r="BN38" s="214">
        <v>0.53849602365169658</v>
      </c>
      <c r="BO38" s="92">
        <v>1.2831107111497899E-2</v>
      </c>
      <c r="BP38" s="214">
        <v>0.14204966945947903</v>
      </c>
      <c r="BQ38" s="92">
        <v>8.9915962159253359E-3</v>
      </c>
      <c r="BR38" s="214">
        <v>0.31945430688884119</v>
      </c>
      <c r="BS38" s="92">
        <v>1.2002164627389858E-2</v>
      </c>
      <c r="BT38" s="210">
        <v>4248</v>
      </c>
      <c r="BU38" s="214">
        <v>0.48320448927244791</v>
      </c>
      <c r="BV38" s="92">
        <v>1.5327053575894485E-2</v>
      </c>
      <c r="BW38" s="214">
        <v>0.17079028002360352</v>
      </c>
      <c r="BX38" s="92">
        <v>1.1550729697439813E-2</v>
      </c>
      <c r="BY38" s="214">
        <v>0.34600523070396039</v>
      </c>
      <c r="BZ38" s="92">
        <v>1.4591657557280648E-2</v>
      </c>
    </row>
    <row r="39" spans="1:78">
      <c r="A39" s="40" t="s">
        <v>352</v>
      </c>
      <c r="B39" s="318">
        <v>406</v>
      </c>
      <c r="C39" s="319">
        <v>0.31028988831789983</v>
      </c>
      <c r="D39" s="314">
        <v>4.5768120806405306E-2</v>
      </c>
      <c r="E39" s="319">
        <v>0.16357493678704668</v>
      </c>
      <c r="F39" s="314">
        <v>3.6827326790664749E-2</v>
      </c>
      <c r="G39" s="319">
        <v>0.52613517489505268</v>
      </c>
      <c r="H39" s="314">
        <v>4.9320278852422357E-2</v>
      </c>
      <c r="I39" s="318">
        <v>375</v>
      </c>
      <c r="J39" s="319">
        <v>0.21929809867090463</v>
      </c>
      <c r="K39" s="314">
        <v>4.2712866502012371E-2</v>
      </c>
      <c r="L39" s="319">
        <v>0.17426824468730712</v>
      </c>
      <c r="M39" s="314">
        <v>3.9271278656824421E-2</v>
      </c>
      <c r="N39" s="319">
        <v>0.60643365664178683</v>
      </c>
      <c r="O39" s="314">
        <v>5.0214288137453954E-2</v>
      </c>
      <c r="P39" s="318">
        <v>356</v>
      </c>
      <c r="Q39" s="319">
        <v>0.21137750988461954</v>
      </c>
      <c r="R39" s="314">
        <v>4.3274055656972517E-2</v>
      </c>
      <c r="S39" s="319">
        <v>0.17091258826019451</v>
      </c>
      <c r="T39" s="314">
        <v>4.0013156048342872E-2</v>
      </c>
      <c r="U39" s="319">
        <v>0.61770990185518482</v>
      </c>
      <c r="V39" s="314">
        <v>5.1256497812854254E-2</v>
      </c>
      <c r="W39" s="318">
        <v>379</v>
      </c>
      <c r="X39" s="319">
        <v>0.21340357065761784</v>
      </c>
      <c r="Y39" s="314">
        <v>4.20827474893073E-2</v>
      </c>
      <c r="Z39" s="319">
        <v>7.4941698964861456E-2</v>
      </c>
      <c r="AA39" s="314">
        <v>2.7626682320154458E-2</v>
      </c>
      <c r="AB39" s="319">
        <v>0.7116547303775197</v>
      </c>
      <c r="AC39" s="314">
        <v>4.6398558492673735E-2</v>
      </c>
      <c r="AD39" s="318">
        <v>435</v>
      </c>
      <c r="AE39" s="319">
        <v>0.44080889442412685</v>
      </c>
      <c r="AF39" s="314">
        <v>4.7397891097609071E-2</v>
      </c>
      <c r="AG39" s="319">
        <v>0.12159539945304126</v>
      </c>
      <c r="AH39" s="314">
        <v>3.1573388660635991E-2</v>
      </c>
      <c r="AI39" s="319">
        <v>0.43759570612283044</v>
      </c>
      <c r="AJ39" s="314">
        <v>4.7361003677771921E-2</v>
      </c>
      <c r="AK39" s="318">
        <v>362</v>
      </c>
      <c r="AL39" s="319">
        <v>0.47726263714819245</v>
      </c>
      <c r="AM39" s="314">
        <v>5.2217938719598858E-2</v>
      </c>
      <c r="AN39" s="319">
        <v>0.12615720163851249</v>
      </c>
      <c r="AO39" s="314">
        <v>3.5185643231653067E-2</v>
      </c>
      <c r="AP39" s="319">
        <v>0.39658016121329409</v>
      </c>
      <c r="AQ39" s="314">
        <v>5.1165310611946797E-2</v>
      </c>
      <c r="AR39" s="318">
        <v>426</v>
      </c>
      <c r="AS39" s="319">
        <v>0.48556482316850286</v>
      </c>
      <c r="AT39" s="314">
        <v>4.8204552942377576E-2</v>
      </c>
      <c r="AU39" s="319">
        <v>0.10851247540050477</v>
      </c>
      <c r="AV39" s="314">
        <v>3.0434932621178693E-2</v>
      </c>
      <c r="AW39" s="319">
        <v>0.4059227014309913</v>
      </c>
      <c r="AX39" s="314">
        <v>4.7379060942925683E-2</v>
      </c>
      <c r="AY39" s="318">
        <v>338</v>
      </c>
      <c r="AZ39" s="319">
        <v>0.18057630310196704</v>
      </c>
      <c r="BA39" s="314">
        <v>4.1933007871289382E-2</v>
      </c>
      <c r="BB39" s="319">
        <v>0.14916638484659603</v>
      </c>
      <c r="BC39" s="314">
        <v>3.8959883466594493E-2</v>
      </c>
      <c r="BD39" s="319">
        <v>0.67025731205143568</v>
      </c>
      <c r="BE39" s="314">
        <v>5.0919791733677694E-2</v>
      </c>
      <c r="BF39" s="318">
        <v>435</v>
      </c>
      <c r="BG39" s="319">
        <v>0.39534251375533103</v>
      </c>
      <c r="BH39" s="314">
        <v>4.6689543518013819E-2</v>
      </c>
      <c r="BI39" s="319">
        <v>0.18458469767769078</v>
      </c>
      <c r="BJ39" s="314">
        <v>3.7254025364586899E-2</v>
      </c>
      <c r="BK39" s="319">
        <v>0.42007278856697733</v>
      </c>
      <c r="BL39" s="314">
        <v>4.712485496065888E-2</v>
      </c>
      <c r="BM39" s="318">
        <v>423</v>
      </c>
      <c r="BN39" s="319">
        <v>0.26767403684795732</v>
      </c>
      <c r="BO39" s="314">
        <v>4.2961903297575682E-2</v>
      </c>
      <c r="BP39" s="319">
        <v>0.10450225938550252</v>
      </c>
      <c r="BQ39" s="314">
        <v>3.0066026886303492E-2</v>
      </c>
      <c r="BR39" s="319">
        <v>0.62782370376653907</v>
      </c>
      <c r="BS39" s="314">
        <v>4.6815776496627423E-2</v>
      </c>
      <c r="BT39" s="318">
        <v>308</v>
      </c>
      <c r="BU39" s="319">
        <v>0.3402060011741519</v>
      </c>
      <c r="BV39" s="314">
        <v>5.3722506634310468E-2</v>
      </c>
      <c r="BW39" s="319">
        <v>0.13431545166851949</v>
      </c>
      <c r="BX39" s="314">
        <v>3.9171169783900638E-2</v>
      </c>
      <c r="BY39" s="319">
        <v>0.52547854715732867</v>
      </c>
      <c r="BZ39" s="314">
        <v>5.6542176448864799E-2</v>
      </c>
    </row>
    <row r="40" spans="1:78">
      <c r="A40" s="44" t="s">
        <v>555</v>
      </c>
      <c r="B40" s="210">
        <v>1845</v>
      </c>
      <c r="C40" s="214">
        <v>0.41251739749119648</v>
      </c>
      <c r="D40" s="92">
        <v>2.289864663950018E-2</v>
      </c>
      <c r="E40" s="214">
        <v>0.17582224214394818</v>
      </c>
      <c r="F40" s="92">
        <v>1.7733254810751997E-2</v>
      </c>
      <c r="G40" s="214">
        <v>0.41166036036485415</v>
      </c>
      <c r="H40" s="92">
        <v>2.2891558326916008E-2</v>
      </c>
      <c r="I40" s="210">
        <v>1809</v>
      </c>
      <c r="J40" s="214">
        <v>0.34380740330350362</v>
      </c>
      <c r="K40" s="92">
        <v>2.2315562812084168E-2</v>
      </c>
      <c r="L40" s="214">
        <v>0.22484367743534142</v>
      </c>
      <c r="M40" s="92">
        <v>1.9628244344946488E-2</v>
      </c>
      <c r="N40" s="214">
        <v>0.4313489192611536</v>
      </c>
      <c r="O40" s="92">
        <v>2.3264127783091438E-2</v>
      </c>
      <c r="P40" s="210">
        <v>1681</v>
      </c>
      <c r="Q40" s="214">
        <v>0.31521092314730903</v>
      </c>
      <c r="R40" s="92">
        <v>2.2644979106415646E-2</v>
      </c>
      <c r="S40" s="214">
        <v>0.18646610415813636</v>
      </c>
      <c r="T40" s="92">
        <v>1.9005709905817562E-2</v>
      </c>
      <c r="U40" s="214">
        <v>0.49832297269455339</v>
      </c>
      <c r="V40" s="92">
        <v>2.4361140477817456E-2</v>
      </c>
      <c r="W40" s="210">
        <v>1649</v>
      </c>
      <c r="X40" s="214">
        <v>0.38075013537639413</v>
      </c>
      <c r="Y40" s="92">
        <v>2.3889654042271544E-2</v>
      </c>
      <c r="Z40" s="214">
        <v>0.11553655608610097</v>
      </c>
      <c r="AA40" s="92">
        <v>1.5779972222149725E-2</v>
      </c>
      <c r="AB40" s="214">
        <v>0.50371330853750418</v>
      </c>
      <c r="AC40" s="92">
        <v>2.459527337628729E-2</v>
      </c>
      <c r="AD40" s="210">
        <v>1956</v>
      </c>
      <c r="AE40" s="214">
        <v>0.52946810989517945</v>
      </c>
      <c r="AF40" s="92">
        <v>2.2548594745472328E-2</v>
      </c>
      <c r="AG40" s="214">
        <v>0.15177305109150102</v>
      </c>
      <c r="AH40" s="92">
        <v>1.6240063459785816E-2</v>
      </c>
      <c r="AI40" s="214">
        <v>0.31875883901331759</v>
      </c>
      <c r="AJ40" s="92">
        <v>2.1058014116760965E-2</v>
      </c>
      <c r="AK40" s="210">
        <v>1670</v>
      </c>
      <c r="AL40" s="214">
        <v>0.54408248173120344</v>
      </c>
      <c r="AM40" s="92">
        <v>2.4346464298194547E-2</v>
      </c>
      <c r="AN40" s="214">
        <v>0.16388176766128468</v>
      </c>
      <c r="AO40" s="92">
        <v>1.8130273005502268E-2</v>
      </c>
      <c r="AP40" s="214">
        <v>0.29203575060751158</v>
      </c>
      <c r="AQ40" s="92">
        <v>2.2237842741346079E-2</v>
      </c>
      <c r="AR40" s="210">
        <v>1962</v>
      </c>
      <c r="AS40" s="214">
        <v>0.61839675126485227</v>
      </c>
      <c r="AT40" s="92">
        <v>2.1914436037840643E-2</v>
      </c>
      <c r="AU40" s="214">
        <v>0.14543778576337876</v>
      </c>
      <c r="AV40" s="92">
        <v>1.5934547565449503E-2</v>
      </c>
      <c r="AW40" s="214">
        <v>0.23616546297176672</v>
      </c>
      <c r="AX40" s="92">
        <v>1.9172839110519462E-2</v>
      </c>
      <c r="AY40" s="210">
        <v>1616</v>
      </c>
      <c r="AZ40" s="214">
        <v>0.24332724460539484</v>
      </c>
      <c r="BA40" s="92">
        <v>2.1340509949182736E-2</v>
      </c>
      <c r="BB40" s="214">
        <v>0.17768131819694727</v>
      </c>
      <c r="BC40" s="92">
        <v>1.9027145503018591E-2</v>
      </c>
      <c r="BD40" s="214">
        <v>0.578991437197658</v>
      </c>
      <c r="BE40" s="92">
        <v>2.4534738681616861E-2</v>
      </c>
      <c r="BF40" s="210">
        <v>1935</v>
      </c>
      <c r="BG40" s="214">
        <v>0.46185688901018596</v>
      </c>
      <c r="BH40" s="92">
        <v>2.2643780455555564E-2</v>
      </c>
      <c r="BI40" s="214">
        <v>0.22275942620143041</v>
      </c>
      <c r="BJ40" s="92">
        <v>1.8916196862704234E-2</v>
      </c>
      <c r="BK40" s="214">
        <v>0.31538368478838102</v>
      </c>
      <c r="BL40" s="92">
        <v>2.1111814251715176E-2</v>
      </c>
      <c r="BM40" s="210">
        <v>1990</v>
      </c>
      <c r="BN40" s="214">
        <v>0.48989357103200626</v>
      </c>
      <c r="BO40" s="92">
        <v>2.2389739620276131E-2</v>
      </c>
      <c r="BP40" s="214">
        <v>0.1417340916980363</v>
      </c>
      <c r="BQ40" s="92">
        <v>1.5654236990177425E-2</v>
      </c>
      <c r="BR40" s="214">
        <v>0.36837233726995455</v>
      </c>
      <c r="BS40" s="92">
        <v>2.1607588129284427E-2</v>
      </c>
      <c r="BT40" s="210">
        <v>1384</v>
      </c>
      <c r="BU40" s="214">
        <v>0.46424231335416416</v>
      </c>
      <c r="BV40" s="92">
        <v>2.6773074927328749E-2</v>
      </c>
      <c r="BW40" s="214">
        <v>0.17868116604320361</v>
      </c>
      <c r="BX40" s="92">
        <v>2.0606679347362187E-2</v>
      </c>
      <c r="BY40" s="214">
        <v>0.35707652060263356</v>
      </c>
      <c r="BZ40" s="92">
        <v>2.5728041472889981E-2</v>
      </c>
    </row>
    <row r="41" spans="1:78">
      <c r="A41" s="40" t="s">
        <v>556</v>
      </c>
      <c r="B41" s="318">
        <v>1776</v>
      </c>
      <c r="C41" s="319">
        <v>0.41435771953374706</v>
      </c>
      <c r="D41" s="314">
        <v>2.3353575731461716E-2</v>
      </c>
      <c r="E41" s="319">
        <v>0.16630004586927194</v>
      </c>
      <c r="F41" s="314">
        <v>1.7682865009837487E-2</v>
      </c>
      <c r="G41" s="319">
        <v>0.41934223459698189</v>
      </c>
      <c r="H41" s="314">
        <v>2.3393244536086957E-2</v>
      </c>
      <c r="I41" s="318">
        <v>1750</v>
      </c>
      <c r="J41" s="319">
        <v>0.36072017949990537</v>
      </c>
      <c r="K41" s="314">
        <v>2.2936604366906064E-2</v>
      </c>
      <c r="L41" s="319">
        <v>0.23067132217615682</v>
      </c>
      <c r="M41" s="314">
        <v>2.0135942315540313E-2</v>
      </c>
      <c r="N41" s="319">
        <v>0.40860849832394036</v>
      </c>
      <c r="O41" s="314">
        <v>2.3476893482037953E-2</v>
      </c>
      <c r="P41" s="318">
        <v>1624</v>
      </c>
      <c r="Q41" s="319">
        <v>0.34317827299068571</v>
      </c>
      <c r="R41" s="314">
        <v>2.3539795770516674E-2</v>
      </c>
      <c r="S41" s="319">
        <v>0.18169424058066277</v>
      </c>
      <c r="T41" s="314">
        <v>1.9145037511688369E-2</v>
      </c>
      <c r="U41" s="319">
        <v>0.47512748642865382</v>
      </c>
      <c r="V41" s="314">
        <v>2.4753546607304503E-2</v>
      </c>
      <c r="W41" s="318">
        <v>1591</v>
      </c>
      <c r="X41" s="319">
        <v>0.43372785283457427</v>
      </c>
      <c r="Y41" s="314">
        <v>2.4819347479683673E-2</v>
      </c>
      <c r="Z41" s="319">
        <v>0.11666564497424306</v>
      </c>
      <c r="AA41" s="314">
        <v>1.6133524157004041E-2</v>
      </c>
      <c r="AB41" s="319">
        <v>0.44960650219118437</v>
      </c>
      <c r="AC41" s="314">
        <v>2.4912295901981931E-2</v>
      </c>
      <c r="AD41" s="318">
        <v>1876</v>
      </c>
      <c r="AE41" s="319">
        <v>0.54171079398771871</v>
      </c>
      <c r="AF41" s="314">
        <v>2.2983231868738099E-2</v>
      </c>
      <c r="AG41" s="319">
        <v>0.15319814715876848</v>
      </c>
      <c r="AH41" s="314">
        <v>1.6646495006997417E-2</v>
      </c>
      <c r="AI41" s="319">
        <v>0.30509105885351417</v>
      </c>
      <c r="AJ41" s="314">
        <v>2.1246876622130834E-2</v>
      </c>
      <c r="AK41" s="318">
        <v>1607</v>
      </c>
      <c r="AL41" s="319">
        <v>0.55782353635211734</v>
      </c>
      <c r="AM41" s="314">
        <v>2.4748167821506798E-2</v>
      </c>
      <c r="AN41" s="319">
        <v>0.15180220704023184</v>
      </c>
      <c r="AO41" s="314">
        <v>1.7921798455659065E-2</v>
      </c>
      <c r="AP41" s="319">
        <v>0.29037425660765359</v>
      </c>
      <c r="AQ41" s="314">
        <v>2.2631092213885505E-2</v>
      </c>
      <c r="AR41" s="318">
        <v>1886</v>
      </c>
      <c r="AS41" s="319">
        <v>0.64816967494761668</v>
      </c>
      <c r="AT41" s="314">
        <v>2.1973460526223842E-2</v>
      </c>
      <c r="AU41" s="319">
        <v>0.14997521388583929</v>
      </c>
      <c r="AV41" s="314">
        <v>1.6459068505509662E-2</v>
      </c>
      <c r="AW41" s="319">
        <v>0.20185511116654492</v>
      </c>
      <c r="AX41" s="314">
        <v>1.8486974259623725E-2</v>
      </c>
      <c r="AY41" s="318">
        <v>1564</v>
      </c>
      <c r="AZ41" s="319">
        <v>0.25318779818248272</v>
      </c>
      <c r="BA41" s="314">
        <v>2.1980634906438923E-2</v>
      </c>
      <c r="BB41" s="319">
        <v>0.17373224603919846</v>
      </c>
      <c r="BC41" s="314">
        <v>1.9172403605399711E-2</v>
      </c>
      <c r="BD41" s="319">
        <v>0.57307995577832083</v>
      </c>
      <c r="BE41" s="314">
        <v>2.4984001701236273E-2</v>
      </c>
      <c r="BF41" s="318">
        <v>1856</v>
      </c>
      <c r="BG41" s="319">
        <v>0.46012757668943766</v>
      </c>
      <c r="BH41" s="314">
        <v>2.3113419292643031E-2</v>
      </c>
      <c r="BI41" s="319">
        <v>0.21272413944478191</v>
      </c>
      <c r="BJ41" s="314">
        <v>1.8997858108691371E-2</v>
      </c>
      <c r="BK41" s="319">
        <v>0.32714828386578143</v>
      </c>
      <c r="BL41" s="314">
        <v>2.1763669655931711E-2</v>
      </c>
      <c r="BM41" s="318">
        <v>1914</v>
      </c>
      <c r="BN41" s="319">
        <v>0.53724672218734981</v>
      </c>
      <c r="BO41" s="314">
        <v>2.2770490304858237E-2</v>
      </c>
      <c r="BP41" s="319">
        <v>0.15170561869253521</v>
      </c>
      <c r="BQ41" s="314">
        <v>1.6414627462031151E-2</v>
      </c>
      <c r="BR41" s="319">
        <v>0.31104765912011539</v>
      </c>
      <c r="BS41" s="314">
        <v>2.114776333265897E-2</v>
      </c>
      <c r="BT41" s="318">
        <v>1336</v>
      </c>
      <c r="BU41" s="319">
        <v>0.50139767622445452</v>
      </c>
      <c r="BV41" s="314">
        <v>2.7317812140408303E-2</v>
      </c>
      <c r="BW41" s="319">
        <v>0.17429328455243101</v>
      </c>
      <c r="BX41" s="314">
        <v>2.0772221167648715E-2</v>
      </c>
      <c r="BY41" s="319">
        <v>0.32430903922311616</v>
      </c>
      <c r="BZ41" s="314">
        <v>2.5586650771049147E-2</v>
      </c>
    </row>
    <row r="42" spans="1:78">
      <c r="A42" s="44" t="s">
        <v>536</v>
      </c>
      <c r="B42" s="210">
        <v>197</v>
      </c>
      <c r="C42" s="214">
        <v>0.38514921627711263</v>
      </c>
      <c r="D42" s="92">
        <v>6.872384374836675E-2</v>
      </c>
      <c r="E42" s="214">
        <v>0.18543195570055176</v>
      </c>
      <c r="F42" s="92">
        <v>5.5529327498831743E-2</v>
      </c>
      <c r="G42" s="214">
        <v>0.42941882802233722</v>
      </c>
      <c r="H42" s="92">
        <v>6.9856227897861875E-2</v>
      </c>
      <c r="I42" s="210">
        <v>202</v>
      </c>
      <c r="J42" s="214">
        <v>0.31261874227078151</v>
      </c>
      <c r="K42" s="92">
        <v>6.4798206305894057E-2</v>
      </c>
      <c r="L42" s="214">
        <v>0.29706697936899407</v>
      </c>
      <c r="M42" s="92">
        <v>6.3917719505706072E-2</v>
      </c>
      <c r="N42" s="214">
        <v>0.39031427836022592</v>
      </c>
      <c r="O42" s="92">
        <v>6.8042209627701702E-2</v>
      </c>
      <c r="P42" s="210">
        <v>193</v>
      </c>
      <c r="Q42" s="214">
        <v>0.36551744565816963</v>
      </c>
      <c r="R42" s="92">
        <v>6.872906052699948E-2</v>
      </c>
      <c r="S42" s="214">
        <v>0.2060999130172364</v>
      </c>
      <c r="T42" s="92">
        <v>5.8247648030495251E-2</v>
      </c>
      <c r="U42" s="214">
        <v>0.42838264132459286</v>
      </c>
      <c r="V42" s="92">
        <v>7.0542081689973113E-2</v>
      </c>
      <c r="W42" s="210">
        <v>190</v>
      </c>
      <c r="X42" s="214">
        <v>0.62498217918612853</v>
      </c>
      <c r="Y42" s="92">
        <v>6.9611137927656386E-2</v>
      </c>
      <c r="Z42" s="214">
        <v>0.11618642974630954</v>
      </c>
      <c r="AA42" s="92">
        <v>4.7341547739778188E-2</v>
      </c>
      <c r="AB42" s="214">
        <v>0.25883139106756387</v>
      </c>
      <c r="AC42" s="92">
        <v>6.328000630502989E-2</v>
      </c>
      <c r="AD42" s="210">
        <v>222</v>
      </c>
      <c r="AE42" s="214">
        <v>0.57925469743736069</v>
      </c>
      <c r="AF42" s="92">
        <v>6.5707729426789874E-2</v>
      </c>
      <c r="AG42" s="214">
        <v>0.14022166385700513</v>
      </c>
      <c r="AH42" s="92">
        <v>4.7055035255005442E-2</v>
      </c>
      <c r="AI42" s="214">
        <v>0.28052363870563579</v>
      </c>
      <c r="AJ42" s="92">
        <v>6.0017720901682371E-2</v>
      </c>
      <c r="AK42" s="210">
        <v>178</v>
      </c>
      <c r="AL42" s="214">
        <v>0.59315132359952139</v>
      </c>
      <c r="AM42" s="92">
        <v>7.2884079808635718E-2</v>
      </c>
      <c r="AN42" s="214">
        <v>0.17774438071220172</v>
      </c>
      <c r="AO42" s="92">
        <v>5.7544236357028815E-2</v>
      </c>
      <c r="AP42" s="214">
        <v>0.22910429568827592</v>
      </c>
      <c r="AQ42" s="92">
        <v>6.2863144877877253E-2</v>
      </c>
      <c r="AR42" s="210">
        <v>227</v>
      </c>
      <c r="AS42" s="214">
        <v>0.74480726918534179</v>
      </c>
      <c r="AT42" s="92">
        <v>5.7679056749353544E-2</v>
      </c>
      <c r="AU42" s="214">
        <v>0.11392890262650929</v>
      </c>
      <c r="AV42" s="92">
        <v>4.2856117143716455E-2</v>
      </c>
      <c r="AW42" s="214">
        <v>0.1412638281881512</v>
      </c>
      <c r="AX42" s="92">
        <v>4.6659237180809443E-2</v>
      </c>
      <c r="AY42" s="210">
        <v>176</v>
      </c>
      <c r="AZ42" s="214">
        <v>0.22388818138153449</v>
      </c>
      <c r="BA42" s="92">
        <v>6.2736301593516661E-2</v>
      </c>
      <c r="BB42" s="214">
        <v>0.2210445737660871</v>
      </c>
      <c r="BC42" s="92">
        <v>6.2468469756105829E-2</v>
      </c>
      <c r="BD42" s="214">
        <v>0.55506724485237735</v>
      </c>
      <c r="BE42" s="92">
        <v>7.4102162880444411E-2</v>
      </c>
      <c r="BF42" s="210">
        <v>207</v>
      </c>
      <c r="BG42" s="214">
        <v>0.38328511686353045</v>
      </c>
      <c r="BH42" s="92">
        <v>6.7013364751592364E-2</v>
      </c>
      <c r="BI42" s="214">
        <v>0.27358103076043461</v>
      </c>
      <c r="BJ42" s="92">
        <v>6.167638275783565E-2</v>
      </c>
      <c r="BK42" s="214">
        <v>0.34313385237603655</v>
      </c>
      <c r="BL42" s="92">
        <v>6.5500933002481262E-2</v>
      </c>
      <c r="BM42" s="210">
        <v>224</v>
      </c>
      <c r="BN42" s="214">
        <v>0.60482780624482724</v>
      </c>
      <c r="BO42" s="92">
        <v>6.4806503241506316E-2</v>
      </c>
      <c r="BP42" s="214">
        <v>0.14569238885488411</v>
      </c>
      <c r="BQ42" s="92">
        <v>4.7541704064635704E-2</v>
      </c>
      <c r="BR42" s="214">
        <v>0.24947980490029106</v>
      </c>
      <c r="BS42" s="92">
        <v>5.7647207933157585E-2</v>
      </c>
      <c r="BT42" s="210">
        <v>146</v>
      </c>
      <c r="BU42" s="214">
        <v>0.57432657563019429</v>
      </c>
      <c r="BV42" s="92">
        <v>8.0790472780934791E-2</v>
      </c>
      <c r="BW42" s="214">
        <v>0.1383662589204146</v>
      </c>
      <c r="BX42" s="92">
        <v>5.7989175300062527E-2</v>
      </c>
      <c r="BY42" s="214">
        <v>0.28730716544939006</v>
      </c>
      <c r="BZ42" s="92">
        <v>7.4322234438497017E-2</v>
      </c>
    </row>
    <row r="43" spans="1:78">
      <c r="A43" s="40" t="s">
        <v>537</v>
      </c>
      <c r="B43" s="318">
        <v>104</v>
      </c>
      <c r="C43" s="319">
        <v>0.30490152642892465</v>
      </c>
      <c r="D43" s="314">
        <v>8.9173963273374859E-2</v>
      </c>
      <c r="E43" s="319">
        <v>0.23368883948318583</v>
      </c>
      <c r="F43" s="314">
        <v>8.2604486914767572E-2</v>
      </c>
      <c r="G43" s="319">
        <v>0.46140963408788876</v>
      </c>
      <c r="H43" s="314">
        <v>9.5958913499393866E-2</v>
      </c>
      <c r="I43" s="318">
        <v>102</v>
      </c>
      <c r="J43" s="319">
        <v>0.28374928917166509</v>
      </c>
      <c r="K43" s="314">
        <v>8.8317272030248042E-2</v>
      </c>
      <c r="L43" s="319">
        <v>0.30750581989076259</v>
      </c>
      <c r="M43" s="314">
        <v>9.0217714642379029E-2</v>
      </c>
      <c r="N43" s="319">
        <v>0.40874489093757183</v>
      </c>
      <c r="O43" s="314">
        <v>9.5618964122848218E-2</v>
      </c>
      <c r="P43" s="318">
        <v>98</v>
      </c>
      <c r="Q43" s="319">
        <v>0.35091934793413593</v>
      </c>
      <c r="R43" s="314">
        <v>9.4865006340068225E-2</v>
      </c>
      <c r="S43" s="319">
        <v>0.20613166870070843</v>
      </c>
      <c r="T43" s="314">
        <v>8.1717307737250042E-2</v>
      </c>
      <c r="U43" s="319">
        <v>0.44294898336515542</v>
      </c>
      <c r="V43" s="314">
        <v>9.8417967412563964E-2</v>
      </c>
      <c r="W43" s="318">
        <v>98</v>
      </c>
      <c r="X43" s="319">
        <v>0.57027169456175708</v>
      </c>
      <c r="Y43" s="314">
        <v>9.8107903301054053E-2</v>
      </c>
      <c r="Z43" s="319">
        <v>0.12979849503749977</v>
      </c>
      <c r="AA43" s="314">
        <v>6.9589562889495332E-2</v>
      </c>
      <c r="AB43" s="319">
        <v>0.29992981040074279</v>
      </c>
      <c r="AC43" s="314">
        <v>9.1405113891808887E-2</v>
      </c>
      <c r="AD43" s="318">
        <v>114</v>
      </c>
      <c r="AE43" s="319">
        <v>0.59577994713031224</v>
      </c>
      <c r="AF43" s="314">
        <v>9.0467263970937475E-2</v>
      </c>
      <c r="AG43" s="319">
        <v>0.12701381820485838</v>
      </c>
      <c r="AH43" s="314">
        <v>6.3819986057306599E-2</v>
      </c>
      <c r="AI43" s="319">
        <v>0.27720623466482885</v>
      </c>
      <c r="AJ43" s="314">
        <v>8.3090949752446436E-2</v>
      </c>
      <c r="AK43" s="318">
        <v>91</v>
      </c>
      <c r="AL43" s="319">
        <v>0.59039456032944881</v>
      </c>
      <c r="AM43" s="314">
        <v>0.10104765655103008</v>
      </c>
      <c r="AN43" s="319">
        <v>0.1651343846544728</v>
      </c>
      <c r="AO43" s="314">
        <v>7.8702415268242037E-2</v>
      </c>
      <c r="AP43" s="319">
        <v>0.24447105501607827</v>
      </c>
      <c r="AQ43" s="314">
        <v>8.9463366117879958E-2</v>
      </c>
      <c r="AR43" s="318">
        <v>115</v>
      </c>
      <c r="AS43" s="319">
        <v>0.73125241372888694</v>
      </c>
      <c r="AT43" s="314">
        <v>8.2003696725492486E-2</v>
      </c>
      <c r="AU43" s="319">
        <v>0.12327814722206307</v>
      </c>
      <c r="AV43" s="314">
        <v>6.2835276995186068E-2</v>
      </c>
      <c r="AW43" s="319">
        <v>0.14546943904904949</v>
      </c>
      <c r="AX43" s="314">
        <v>6.676585035066801E-2</v>
      </c>
      <c r="AY43" s="318">
        <v>92</v>
      </c>
      <c r="AZ43" s="319">
        <v>0.17137710081139623</v>
      </c>
      <c r="BA43" s="314">
        <v>7.9272452065061005E-2</v>
      </c>
      <c r="BB43" s="319">
        <v>0.23194410338575128</v>
      </c>
      <c r="BC43" s="314">
        <v>8.7561673535166182E-2</v>
      </c>
      <c r="BD43" s="319">
        <v>0.59667879580285232</v>
      </c>
      <c r="BE43" s="314">
        <v>0.10029454174802872</v>
      </c>
      <c r="BF43" s="318">
        <v>104</v>
      </c>
      <c r="BG43" s="319">
        <v>0.37920813948808463</v>
      </c>
      <c r="BH43" s="314">
        <v>9.3584998486660645E-2</v>
      </c>
      <c r="BI43" s="319">
        <v>0.29081717113360672</v>
      </c>
      <c r="BJ43" s="314">
        <v>8.8070639407312593E-2</v>
      </c>
      <c r="BK43" s="319">
        <v>0.32997468937830782</v>
      </c>
      <c r="BL43" s="314">
        <v>9.091980936339962E-2</v>
      </c>
      <c r="BM43" s="318">
        <v>114</v>
      </c>
      <c r="BN43" s="319">
        <v>0.66109063518252986</v>
      </c>
      <c r="BO43" s="314">
        <v>8.7484492208084699E-2</v>
      </c>
      <c r="BP43" s="319">
        <v>0.13437318123168121</v>
      </c>
      <c r="BQ43" s="314">
        <v>6.5153447870259687E-2</v>
      </c>
      <c r="BR43" s="319">
        <v>0.20453618358578829</v>
      </c>
      <c r="BS43" s="314">
        <v>7.5581224852786927E-2</v>
      </c>
      <c r="BT43" s="318">
        <v>77</v>
      </c>
      <c r="BU43" s="319">
        <v>0.51505218451174772</v>
      </c>
      <c r="BV43" s="314">
        <v>0.11106560319887898</v>
      </c>
      <c r="BW43" s="319">
        <v>0.13034744683498647</v>
      </c>
      <c r="BX43" s="314">
        <v>7.9043470156976631E-2</v>
      </c>
      <c r="BY43" s="319">
        <v>0.354600368653266</v>
      </c>
      <c r="BZ43" s="314">
        <v>0.10678128026035608</v>
      </c>
    </row>
    <row r="44" spans="1:78">
      <c r="A44" s="44" t="s">
        <v>538</v>
      </c>
      <c r="B44" s="210">
        <v>45</v>
      </c>
      <c r="C44" s="214">
        <v>0.52814284435784331</v>
      </c>
      <c r="D44" s="92">
        <v>0.14266616140307689</v>
      </c>
      <c r="E44" s="214">
        <v>9.2981540337033972E-2</v>
      </c>
      <c r="F44" s="92">
        <v>9.4880889728701651E-2</v>
      </c>
      <c r="G44" s="214">
        <v>0.37887561530512215</v>
      </c>
      <c r="H44" s="92">
        <v>0.13927696706957435</v>
      </c>
      <c r="I44" s="210">
        <v>56</v>
      </c>
      <c r="J44" s="214">
        <v>0.37611646652336594</v>
      </c>
      <c r="K44" s="92">
        <v>0.12560014454595994</v>
      </c>
      <c r="L44" s="214">
        <v>0.32811705941147118</v>
      </c>
      <c r="M44" s="92">
        <v>0.12227404064518599</v>
      </c>
      <c r="N44" s="214">
        <v>0.29576647406516227</v>
      </c>
      <c r="O44" s="92">
        <v>0.11934956898779615</v>
      </c>
      <c r="P44" s="210">
        <v>51</v>
      </c>
      <c r="Q44" s="214">
        <v>0.40876976769556811</v>
      </c>
      <c r="R44" s="92">
        <v>0.13289603158418867</v>
      </c>
      <c r="S44" s="214">
        <v>0.19741483844384861</v>
      </c>
      <c r="T44" s="92">
        <v>0.11160822476129187</v>
      </c>
      <c r="U44" s="214">
        <v>0.39381539386058234</v>
      </c>
      <c r="V44" s="92">
        <v>0.13219963332775811</v>
      </c>
      <c r="W44" s="210">
        <v>48</v>
      </c>
      <c r="X44" s="214">
        <v>0.72944037765844849</v>
      </c>
      <c r="Y44" s="92">
        <v>0.1256198546300856</v>
      </c>
      <c r="Z44" s="214">
        <v>0.11923785549878796</v>
      </c>
      <c r="AA44" s="92">
        <v>9.8631757591174513E-2</v>
      </c>
      <c r="AB44" s="214">
        <v>0.1513217668427633</v>
      </c>
      <c r="AC44" s="92">
        <v>0.10612336094297301</v>
      </c>
      <c r="AD44" s="210">
        <v>61</v>
      </c>
      <c r="AE44" s="214">
        <v>0.58032708957268031</v>
      </c>
      <c r="AF44" s="92">
        <v>0.12261691940572808</v>
      </c>
      <c r="AG44" s="214">
        <v>0.17457984675693655</v>
      </c>
      <c r="AH44" s="92">
        <v>9.8209923658830856E-2</v>
      </c>
      <c r="AI44" s="214">
        <v>0.24509306367038292</v>
      </c>
      <c r="AJ44" s="92">
        <v>0.10891736358037073</v>
      </c>
      <c r="AK44" s="210">
        <v>47</v>
      </c>
      <c r="AL44" s="214">
        <v>0.6879863096037202</v>
      </c>
      <c r="AM44" s="92">
        <v>0.13135406741180863</v>
      </c>
      <c r="AN44" s="214">
        <v>0.14598780470512682</v>
      </c>
      <c r="AO44" s="92">
        <v>0.10611248185102938</v>
      </c>
      <c r="AP44" s="214">
        <v>0.16602588569115223</v>
      </c>
      <c r="AQ44" s="92">
        <v>0.11035466207957552</v>
      </c>
      <c r="AR44" s="210">
        <v>59</v>
      </c>
      <c r="AS44" s="214">
        <v>0.76970686003242161</v>
      </c>
      <c r="AT44" s="92">
        <v>0.10873063341499674</v>
      </c>
      <c r="AU44" s="214">
        <v>6.4695950473548397E-2</v>
      </c>
      <c r="AV44" s="92">
        <v>7.294645975127971E-2</v>
      </c>
      <c r="AW44" s="214">
        <v>0.16559718949402974</v>
      </c>
      <c r="AX44" s="92">
        <v>9.8213889084563424E-2</v>
      </c>
      <c r="AY44" s="210">
        <v>47</v>
      </c>
      <c r="AZ44" s="214">
        <v>0.31711145160240828</v>
      </c>
      <c r="BA44" s="92">
        <v>0.13183257432592776</v>
      </c>
      <c r="BB44" s="214">
        <v>0.36423582194218362</v>
      </c>
      <c r="BC44" s="92">
        <v>0.13557314348390906</v>
      </c>
      <c r="BD44" s="214">
        <v>0.31865272645540771</v>
      </c>
      <c r="BE44" s="92">
        <v>0.13197432390553437</v>
      </c>
      <c r="BF44" s="210">
        <v>55</v>
      </c>
      <c r="BG44" s="214">
        <v>0.32897423108882479</v>
      </c>
      <c r="BH44" s="92">
        <v>0.12339321727488459</v>
      </c>
      <c r="BI44" s="214">
        <v>0.32151634870602375</v>
      </c>
      <c r="BJ44" s="92">
        <v>0.12276936507380332</v>
      </c>
      <c r="BK44" s="214">
        <v>0.34950942020515086</v>
      </c>
      <c r="BL44" s="92">
        <v>0.1249594714339272</v>
      </c>
      <c r="BM44" s="210">
        <v>60</v>
      </c>
      <c r="BN44" s="214">
        <v>0.52416685371629945</v>
      </c>
      <c r="BO44" s="92">
        <v>0.12487160565705847</v>
      </c>
      <c r="BP44" s="214">
        <v>0.16141205508674542</v>
      </c>
      <c r="BQ44" s="92">
        <v>9.6579180144178045E-2</v>
      </c>
      <c r="BR44" s="214">
        <v>0.31442109119695444</v>
      </c>
      <c r="BS44" s="92">
        <v>0.11718865149088535</v>
      </c>
      <c r="BT44" s="210">
        <v>37</v>
      </c>
      <c r="BU44" s="214">
        <v>0.77187288842725688</v>
      </c>
      <c r="BV44" s="92">
        <v>0.13607889151986347</v>
      </c>
      <c r="BW44" s="214">
        <v>0.12181102551507961</v>
      </c>
      <c r="BX44" s="92">
        <v>0.11413275831523982</v>
      </c>
      <c r="BY44" s="214">
        <v>0.10631608605766328</v>
      </c>
      <c r="BZ44" s="92">
        <v>0.10989092492367862</v>
      </c>
    </row>
    <row r="45" spans="1:78">
      <c r="A45" s="40" t="s">
        <v>539</v>
      </c>
      <c r="B45" s="318">
        <v>160</v>
      </c>
      <c r="C45" s="319">
        <v>0.60317659017323411</v>
      </c>
      <c r="D45" s="314">
        <v>7.6488090367236708E-2</v>
      </c>
      <c r="E45" s="319">
        <v>8.9858568008940265E-2</v>
      </c>
      <c r="F45" s="314">
        <v>4.6823382478698793E-2</v>
      </c>
      <c r="G45" s="319">
        <v>0.30696484181782602</v>
      </c>
      <c r="H45" s="314">
        <v>7.2336096857385138E-2</v>
      </c>
      <c r="I45" s="318">
        <v>164</v>
      </c>
      <c r="J45" s="319">
        <v>0.4589795758515911</v>
      </c>
      <c r="K45" s="314">
        <v>7.6903851271374793E-2</v>
      </c>
      <c r="L45" s="319">
        <v>0.24075144377114671</v>
      </c>
      <c r="M45" s="314">
        <v>6.6539024106626488E-2</v>
      </c>
      <c r="N45" s="319">
        <v>0.30026898037726285</v>
      </c>
      <c r="O45" s="314">
        <v>7.1044008314436413E-2</v>
      </c>
      <c r="P45" s="318">
        <v>159</v>
      </c>
      <c r="Q45" s="319">
        <v>0.5456722244448996</v>
      </c>
      <c r="R45" s="314">
        <v>7.8014497592246226E-2</v>
      </c>
      <c r="S45" s="319">
        <v>0.16007429665058065</v>
      </c>
      <c r="T45" s="314">
        <v>5.8624744449651371E-2</v>
      </c>
      <c r="U45" s="319">
        <v>0.29425347890452058</v>
      </c>
      <c r="V45" s="314">
        <v>7.1739218043080033E-2</v>
      </c>
      <c r="W45" s="318">
        <v>155</v>
      </c>
      <c r="X45" s="319">
        <v>0.77951562667572316</v>
      </c>
      <c r="Y45" s="314">
        <v>6.6493974913357637E-2</v>
      </c>
      <c r="Z45" s="319">
        <v>9.2775342654978749E-2</v>
      </c>
      <c r="AA45" s="314">
        <v>4.821515463369596E-2</v>
      </c>
      <c r="AB45" s="319">
        <v>0.1277090306692984</v>
      </c>
      <c r="AC45" s="314">
        <v>5.455026627134614E-2</v>
      </c>
      <c r="AD45" s="318">
        <v>172</v>
      </c>
      <c r="AE45" s="319">
        <v>0.57987010063146083</v>
      </c>
      <c r="AF45" s="314">
        <v>7.4453682536372801E-2</v>
      </c>
      <c r="AG45" s="319">
        <v>0.18084741306703001</v>
      </c>
      <c r="AH45" s="314">
        <v>5.8914217210086779E-2</v>
      </c>
      <c r="AI45" s="319">
        <v>0.23928248630150983</v>
      </c>
      <c r="AJ45" s="314">
        <v>6.4856656243098235E-2</v>
      </c>
      <c r="AK45" s="318">
        <v>152</v>
      </c>
      <c r="AL45" s="319">
        <v>0.58412102089364348</v>
      </c>
      <c r="AM45" s="314">
        <v>7.8980992676134926E-2</v>
      </c>
      <c r="AN45" s="319">
        <v>0.1609752354904386</v>
      </c>
      <c r="AO45" s="314">
        <v>6.0102665900723592E-2</v>
      </c>
      <c r="AP45" s="319">
        <v>0.25490374361591872</v>
      </c>
      <c r="AQ45" s="314">
        <v>7.0341466465470168E-2</v>
      </c>
      <c r="AR45" s="318">
        <v>171</v>
      </c>
      <c r="AS45" s="319">
        <v>0.79432648401919126</v>
      </c>
      <c r="AT45" s="314">
        <v>6.1836060273047951E-2</v>
      </c>
      <c r="AU45" s="319">
        <v>8.3286032244480307E-2</v>
      </c>
      <c r="AV45" s="314">
        <v>4.386917056620486E-2</v>
      </c>
      <c r="AW45" s="319">
        <v>0.12238748373632891</v>
      </c>
      <c r="AX45" s="314">
        <v>5.1013218758248081E-2</v>
      </c>
      <c r="AY45" s="318">
        <v>150</v>
      </c>
      <c r="AZ45" s="319">
        <v>0.49385543563973855</v>
      </c>
      <c r="BA45" s="314">
        <v>8.0576523310731299E-2</v>
      </c>
      <c r="BB45" s="319">
        <v>0.15029650775948178</v>
      </c>
      <c r="BC45" s="314">
        <v>5.8991045255961917E-2</v>
      </c>
      <c r="BD45" s="319">
        <v>0.35584805660077995</v>
      </c>
      <c r="BE45" s="314">
        <v>7.7339808027205151E-2</v>
      </c>
      <c r="BF45" s="318">
        <v>164</v>
      </c>
      <c r="BG45" s="319">
        <v>0.59332413867242872</v>
      </c>
      <c r="BH45" s="314">
        <v>7.5860209930738165E-2</v>
      </c>
      <c r="BI45" s="319">
        <v>0.13863780991222113</v>
      </c>
      <c r="BJ45" s="314">
        <v>5.4676878052753237E-2</v>
      </c>
      <c r="BK45" s="319">
        <v>0.2680380514153507</v>
      </c>
      <c r="BL45" s="314">
        <v>6.8786307967266258E-2</v>
      </c>
      <c r="BM45" s="318">
        <v>176</v>
      </c>
      <c r="BN45" s="319">
        <v>0.78443418222523587</v>
      </c>
      <c r="BO45" s="314">
        <v>6.1941356523455317E-2</v>
      </c>
      <c r="BP45" s="319">
        <v>0.10270943103987276</v>
      </c>
      <c r="BQ45" s="314">
        <v>4.692721557893368E-2</v>
      </c>
      <c r="BR45" s="319">
        <v>0.11285638673489175</v>
      </c>
      <c r="BS45" s="314">
        <v>4.8695687470166546E-2</v>
      </c>
      <c r="BT45" s="318">
        <v>135</v>
      </c>
      <c r="BU45" s="319">
        <v>0.73125146927847495</v>
      </c>
      <c r="BV45" s="314">
        <v>7.5780124870621635E-2</v>
      </c>
      <c r="BW45" s="319">
        <v>6.4303582143274779E-2</v>
      </c>
      <c r="BX45" s="314">
        <v>4.518132158502243E-2</v>
      </c>
      <c r="BY45" s="319">
        <v>0.20444494857825085</v>
      </c>
      <c r="BZ45" s="314">
        <v>6.9448468983375006E-2</v>
      </c>
    </row>
    <row r="46" spans="1:78">
      <c r="A46" s="44" t="s">
        <v>540</v>
      </c>
      <c r="B46" s="210">
        <v>53</v>
      </c>
      <c r="C46" s="214">
        <v>0.79502517778411208</v>
      </c>
      <c r="D46" s="92">
        <v>0.11073839213027764</v>
      </c>
      <c r="E46" s="214">
        <v>0.11984773328644005</v>
      </c>
      <c r="F46" s="92">
        <v>9.3679365326494651E-2</v>
      </c>
      <c r="G46" s="214">
        <v>8.5127088929447925E-2</v>
      </c>
      <c r="H46" s="92">
        <v>8.4267733935528846E-2</v>
      </c>
      <c r="I46" s="210">
        <v>50</v>
      </c>
      <c r="J46" s="214">
        <v>0.65487912372444756</v>
      </c>
      <c r="K46" s="92">
        <v>0.13036545447088035</v>
      </c>
      <c r="L46" s="214">
        <v>9.3747863377731167E-2</v>
      </c>
      <c r="M46" s="92">
        <v>8.965122399182468E-2</v>
      </c>
      <c r="N46" s="214">
        <v>0.25137301289782132</v>
      </c>
      <c r="O46" s="92">
        <v>0.12080080823115055</v>
      </c>
      <c r="P46" s="210">
        <v>50</v>
      </c>
      <c r="Q46" s="214">
        <v>0.74740901780917324</v>
      </c>
      <c r="R46" s="92">
        <v>0.12095951053855136</v>
      </c>
      <c r="S46" s="214">
        <v>9.9029593575083633E-2</v>
      </c>
      <c r="T46" s="92">
        <v>9.1148802932289053E-2</v>
      </c>
      <c r="U46" s="214">
        <v>0.15356138861574337</v>
      </c>
      <c r="V46" s="92">
        <v>0.10438619256139223</v>
      </c>
      <c r="W46" s="210">
        <v>52</v>
      </c>
      <c r="X46" s="214">
        <v>0.73540863445234672</v>
      </c>
      <c r="Y46" s="92">
        <v>0.12018342538863658</v>
      </c>
      <c r="Z46" s="214">
        <v>7.9906383150162352E-2</v>
      </c>
      <c r="AA46" s="92">
        <v>8.3594338109806515E-2</v>
      </c>
      <c r="AB46" s="214">
        <v>0.18468498239749134</v>
      </c>
      <c r="AC46" s="92">
        <v>0.10832244931956415</v>
      </c>
      <c r="AD46" s="210">
        <v>56</v>
      </c>
      <c r="AE46" s="214">
        <v>0.8361164623482561</v>
      </c>
      <c r="AF46" s="92">
        <v>0.1005275592988859</v>
      </c>
      <c r="AG46" s="214">
        <v>4.6961595555505067E-2</v>
      </c>
      <c r="AH46" s="92">
        <v>6.8900821912602814E-2</v>
      </c>
      <c r="AI46" s="214">
        <v>0.11692194209623913</v>
      </c>
      <c r="AJ46" s="92">
        <v>9.0246141609244449E-2</v>
      </c>
      <c r="AK46" s="210">
        <v>52</v>
      </c>
      <c r="AL46" s="214">
        <v>0.75221297048647695</v>
      </c>
      <c r="AM46" s="92">
        <v>0.11806517873104168</v>
      </c>
      <c r="AN46" s="214">
        <v>9.1380291388328344E-2</v>
      </c>
      <c r="AO46" s="92">
        <v>8.7026642985406535E-2</v>
      </c>
      <c r="AP46" s="214">
        <v>0.15640673812519462</v>
      </c>
      <c r="AQ46" s="92">
        <v>0.10288916787552041</v>
      </c>
      <c r="AR46" s="210">
        <v>54</v>
      </c>
      <c r="AS46" s="214">
        <v>0.75721728236942554</v>
      </c>
      <c r="AT46" s="92">
        <v>0.11526587291328341</v>
      </c>
      <c r="AU46" s="214">
        <v>8.5675210391853371E-2</v>
      </c>
      <c r="AV46" s="92">
        <v>8.3540790588569447E-2</v>
      </c>
      <c r="AW46" s="214">
        <v>0.15710750723872116</v>
      </c>
      <c r="AX46" s="92">
        <v>0.101057443345359</v>
      </c>
      <c r="AY46" s="210">
        <v>47</v>
      </c>
      <c r="AZ46" s="214">
        <v>0.68268183652476178</v>
      </c>
      <c r="BA46" s="92">
        <v>0.13185166395263942</v>
      </c>
      <c r="BB46" s="214">
        <v>4.5674673525416501E-2</v>
      </c>
      <c r="BC46" s="92">
        <v>7.654143377299831E-2</v>
      </c>
      <c r="BD46" s="214">
        <v>0.2716434899498219</v>
      </c>
      <c r="BE46" s="92">
        <v>0.12702088720757362</v>
      </c>
      <c r="BF46" s="210">
        <v>51</v>
      </c>
      <c r="BG46" s="214">
        <v>0.72374299297265254</v>
      </c>
      <c r="BH46" s="92">
        <v>0.12268388866458164</v>
      </c>
      <c r="BI46" s="214">
        <v>0.12558199363513942</v>
      </c>
      <c r="BJ46" s="92">
        <v>9.7032615438152059E-2</v>
      </c>
      <c r="BK46" s="214">
        <v>0.15067501339220818</v>
      </c>
      <c r="BL46" s="92">
        <v>0.1027180204133574</v>
      </c>
      <c r="BM46" s="210">
        <v>58</v>
      </c>
      <c r="BN46" s="214">
        <v>0.89214600316137183</v>
      </c>
      <c r="BO46" s="92">
        <v>8.6294253079023303E-2</v>
      </c>
      <c r="BP46" s="214">
        <v>0.10224170263694146</v>
      </c>
      <c r="BQ46" s="92">
        <v>8.4831603867562499E-2</v>
      </c>
      <c r="BR46" s="214">
        <v>5.6122942016873E-3</v>
      </c>
      <c r="BS46" s="92">
        <v>4.8260987056523569E-2</v>
      </c>
      <c r="BT46" s="210">
        <v>49</v>
      </c>
      <c r="BU46" s="214">
        <v>0.71034436925936173</v>
      </c>
      <c r="BV46" s="92">
        <v>0.12654529581992574</v>
      </c>
      <c r="BW46" s="214">
        <v>8.9540977456852688E-2</v>
      </c>
      <c r="BX46" s="92">
        <v>8.944026507072389E-2</v>
      </c>
      <c r="BY46" s="214">
        <v>0.20011465328378544</v>
      </c>
      <c r="BZ46" s="92">
        <v>0.11430876972878171</v>
      </c>
    </row>
    <row r="47" spans="1:78" ht="25.5">
      <c r="A47" s="40" t="s">
        <v>541</v>
      </c>
      <c r="B47" s="318">
        <v>64</v>
      </c>
      <c r="C47" s="319">
        <v>0.52109203585289243</v>
      </c>
      <c r="D47" s="314">
        <v>0.12117219754453805</v>
      </c>
      <c r="E47" s="319">
        <v>8.5111498954374906E-2</v>
      </c>
      <c r="F47" s="314">
        <v>7.5740577455691821E-2</v>
      </c>
      <c r="G47" s="319">
        <v>0.39379646519273359</v>
      </c>
      <c r="H47" s="314">
        <v>0.11881986971802351</v>
      </c>
      <c r="I47" s="318">
        <v>71</v>
      </c>
      <c r="J47" s="319">
        <v>0.35738545783220799</v>
      </c>
      <c r="K47" s="314">
        <v>0.11118098709180874</v>
      </c>
      <c r="L47" s="319">
        <v>0.28774002120736308</v>
      </c>
      <c r="M47" s="314">
        <v>0.1057351001459676</v>
      </c>
      <c r="N47" s="319">
        <v>0.35487452096042971</v>
      </c>
      <c r="O47" s="314">
        <v>0.11102557955573519</v>
      </c>
      <c r="P47" s="318">
        <v>69</v>
      </c>
      <c r="Q47" s="319">
        <v>0.48376713627627232</v>
      </c>
      <c r="R47" s="314">
        <v>0.11698602664010019</v>
      </c>
      <c r="S47" s="319">
        <v>0.1290995528843582</v>
      </c>
      <c r="T47" s="314">
        <v>8.3451461555956064E-2</v>
      </c>
      <c r="U47" s="319">
        <v>0.38713331083937041</v>
      </c>
      <c r="V47" s="314">
        <v>0.11434600349897178</v>
      </c>
      <c r="W47" s="318">
        <v>65</v>
      </c>
      <c r="X47" s="319">
        <v>0.75244418115103873</v>
      </c>
      <c r="Y47" s="314">
        <v>0.10589755222278335</v>
      </c>
      <c r="Z47" s="319">
        <v>0.12756026629436265</v>
      </c>
      <c r="AA47" s="314">
        <v>8.5771844981422776E-2</v>
      </c>
      <c r="AB47" s="319">
        <v>0.1199955525545994</v>
      </c>
      <c r="AC47" s="314">
        <v>8.4047520457147626E-2</v>
      </c>
      <c r="AD47" s="318">
        <v>72</v>
      </c>
      <c r="AE47" s="319">
        <v>0.42960945914951554</v>
      </c>
      <c r="AF47" s="314">
        <v>0.11368307917889117</v>
      </c>
      <c r="AG47" s="319">
        <v>0.19874875638487619</v>
      </c>
      <c r="AH47" s="314">
        <v>9.4186034191895945E-2</v>
      </c>
      <c r="AI47" s="319">
        <v>0.37164178446560903</v>
      </c>
      <c r="AJ47" s="314">
        <v>0.11126375187258665</v>
      </c>
      <c r="AK47" s="318">
        <v>61</v>
      </c>
      <c r="AL47" s="319">
        <v>0.49180660157694578</v>
      </c>
      <c r="AM47" s="314">
        <v>0.12402006695396525</v>
      </c>
      <c r="AN47" s="319">
        <v>0.21381233331074317</v>
      </c>
      <c r="AO47" s="314">
        <v>0.10462147708799749</v>
      </c>
      <c r="AP47" s="319">
        <v>0.29438106511231149</v>
      </c>
      <c r="AQ47" s="314">
        <v>0.11442547604609915</v>
      </c>
      <c r="AR47" s="318">
        <v>72</v>
      </c>
      <c r="AS47" s="319">
        <v>0.81945273033435884</v>
      </c>
      <c r="AT47" s="314">
        <v>9.1309011538104945E-2</v>
      </c>
      <c r="AU47" s="319">
        <v>0.10428555027910892</v>
      </c>
      <c r="AV47" s="314">
        <v>7.590141017010843E-2</v>
      </c>
      <c r="AW47" s="319">
        <v>7.6261719386532506E-2</v>
      </c>
      <c r="AX47" s="314">
        <v>6.838317908934928E-2</v>
      </c>
      <c r="AY47" s="318">
        <v>64</v>
      </c>
      <c r="AZ47" s="319">
        <v>0.37471146516855419</v>
      </c>
      <c r="BA47" s="314">
        <v>0.11784715894582745</v>
      </c>
      <c r="BB47" s="319">
        <v>0.19136662907197299</v>
      </c>
      <c r="BC47" s="314">
        <v>9.8704031847802853E-2</v>
      </c>
      <c r="BD47" s="319">
        <v>0.43392190575947365</v>
      </c>
      <c r="BE47" s="314">
        <v>0.12032609153513875</v>
      </c>
      <c r="BF47" s="318">
        <v>71</v>
      </c>
      <c r="BG47" s="319">
        <v>0.5852843603613147</v>
      </c>
      <c r="BH47" s="314">
        <v>0.11395477950500715</v>
      </c>
      <c r="BI47" s="319">
        <v>5.9087640668202358E-2</v>
      </c>
      <c r="BJ47" s="314">
        <v>6.3573460468871079E-2</v>
      </c>
      <c r="BK47" s="319">
        <v>0.35562799897048358</v>
      </c>
      <c r="BL47" s="314">
        <v>0.1110725217539197</v>
      </c>
      <c r="BM47" s="318">
        <v>75</v>
      </c>
      <c r="BN47" s="319">
        <v>0.78617226632834947</v>
      </c>
      <c r="BO47" s="314">
        <v>9.4450737859405456E-2</v>
      </c>
      <c r="BP47" s="319">
        <v>0.1275749222338903</v>
      </c>
      <c r="BQ47" s="314">
        <v>7.9552415748590066E-2</v>
      </c>
      <c r="BR47" s="319">
        <v>8.6252811437760674E-2</v>
      </c>
      <c r="BS47" s="314">
        <v>6.9613675222436652E-2</v>
      </c>
      <c r="BT47" s="318">
        <v>51</v>
      </c>
      <c r="BU47" s="319">
        <v>0.77100474641854588</v>
      </c>
      <c r="BV47" s="314">
        <v>0.11657246424076076</v>
      </c>
      <c r="BW47" s="319">
        <v>3.2958961577062408E-3</v>
      </c>
      <c r="BX47" s="314">
        <v>5.2477463843862489E-2</v>
      </c>
      <c r="BY47" s="319">
        <v>0.22569935742374828</v>
      </c>
      <c r="BZ47" s="314">
        <v>0.11608940502518193</v>
      </c>
    </row>
    <row r="48" spans="1:78">
      <c r="A48" s="44" t="s">
        <v>542</v>
      </c>
      <c r="B48" s="210">
        <v>43</v>
      </c>
      <c r="C48" s="214">
        <v>0.48580286909315618</v>
      </c>
      <c r="D48" s="92">
        <v>0.14581576525114662</v>
      </c>
      <c r="E48" s="214">
        <v>6.0915329029253458E-2</v>
      </c>
      <c r="F48" s="92">
        <v>8.6847602358205253E-2</v>
      </c>
      <c r="G48" s="214">
        <v>0.45328180187759076</v>
      </c>
      <c r="H48" s="92">
        <v>0.14533105449021891</v>
      </c>
      <c r="I48" s="210">
        <v>43</v>
      </c>
      <c r="J48" s="214">
        <v>0.41901842050543259</v>
      </c>
      <c r="K48" s="92">
        <v>0.14425472196801586</v>
      </c>
      <c r="L48" s="214">
        <v>0.31629040929125085</v>
      </c>
      <c r="M48" s="92">
        <v>0.13737691109183714</v>
      </c>
      <c r="N48" s="214">
        <v>0.26469117020331689</v>
      </c>
      <c r="O48" s="92">
        <v>0.13165183781841128</v>
      </c>
      <c r="P48" s="210">
        <v>40</v>
      </c>
      <c r="Q48" s="214">
        <v>0.41789161097262495</v>
      </c>
      <c r="R48" s="92">
        <v>0.14906626798269185</v>
      </c>
      <c r="S48" s="214">
        <v>0.27558812482816197</v>
      </c>
      <c r="T48" s="92">
        <v>0.1376357496088412</v>
      </c>
      <c r="U48" s="214">
        <v>0.30652026419921324</v>
      </c>
      <c r="V48" s="92">
        <v>0.14111970179778743</v>
      </c>
      <c r="W48" s="210">
        <v>38</v>
      </c>
      <c r="X48" s="214">
        <v>0.87499912500349908</v>
      </c>
      <c r="Y48" s="92">
        <v>0.11334134759391067</v>
      </c>
      <c r="Z48" s="214">
        <v>5.7083298428150062E-2</v>
      </c>
      <c r="AA48" s="92">
        <v>9.2279149045138203E-2</v>
      </c>
      <c r="AB48" s="214">
        <v>6.7917576568350888E-2</v>
      </c>
      <c r="AC48" s="92">
        <v>9.6200382675565507E-2</v>
      </c>
      <c r="AD48" s="210">
        <v>44</v>
      </c>
      <c r="AE48" s="214">
        <v>0.48882168845493945</v>
      </c>
      <c r="AF48" s="92">
        <v>0.14430725420239524</v>
      </c>
      <c r="AG48" s="214">
        <v>0.31476486947422955</v>
      </c>
      <c r="AH48" s="92">
        <v>0.13575969697288967</v>
      </c>
      <c r="AI48" s="214">
        <v>0.19641344207083131</v>
      </c>
      <c r="AJ48" s="92">
        <v>0.11991523680526155</v>
      </c>
      <c r="AK48" s="210">
        <v>39</v>
      </c>
      <c r="AL48" s="214">
        <v>0.49664640216863387</v>
      </c>
      <c r="AM48" s="92">
        <v>0.15249574861174334</v>
      </c>
      <c r="AN48" s="214">
        <v>0.17875995100826272</v>
      </c>
      <c r="AO48" s="92">
        <v>0.12393207092672683</v>
      </c>
      <c r="AP48" s="214">
        <v>0.32459364682310349</v>
      </c>
      <c r="AQ48" s="92">
        <v>0.14457332133912962</v>
      </c>
      <c r="AR48" s="210">
        <v>45</v>
      </c>
      <c r="AS48" s="214">
        <v>0.79883580764572881</v>
      </c>
      <c r="AT48" s="92">
        <v>0.11941425452860586</v>
      </c>
      <c r="AU48" s="214">
        <v>5.23856550176834E-2</v>
      </c>
      <c r="AV48" s="92">
        <v>8.132466500185466E-2</v>
      </c>
      <c r="AW48" s="214">
        <v>0.14877853733658802</v>
      </c>
      <c r="AX48" s="92">
        <v>0.10915680136304244</v>
      </c>
      <c r="AY48" s="210">
        <v>39</v>
      </c>
      <c r="AZ48" s="214">
        <v>0.43966068376673612</v>
      </c>
      <c r="BA48" s="92">
        <v>0.15158235949862398</v>
      </c>
      <c r="BB48" s="214">
        <v>0.21613983079632615</v>
      </c>
      <c r="BC48" s="92">
        <v>0.13072859985696697</v>
      </c>
      <c r="BD48" s="214">
        <v>0.34419948543693779</v>
      </c>
      <c r="BE48" s="92">
        <v>0.14628173086212054</v>
      </c>
      <c r="BF48" s="210">
        <v>42</v>
      </c>
      <c r="BG48" s="214">
        <v>0.45903040511547005</v>
      </c>
      <c r="BH48" s="92">
        <v>0.14702875044158503</v>
      </c>
      <c r="BI48" s="214">
        <v>0.28011775278844026</v>
      </c>
      <c r="BJ48" s="92">
        <v>0.13503448788342851</v>
      </c>
      <c r="BK48" s="214">
        <v>0.26085184209609003</v>
      </c>
      <c r="BL48" s="92">
        <v>0.13263946336789179</v>
      </c>
      <c r="BM48" s="210">
        <v>43</v>
      </c>
      <c r="BN48" s="214">
        <v>0.6433537002925579</v>
      </c>
      <c r="BO48" s="92">
        <v>0.14075746138869374</v>
      </c>
      <c r="BP48" s="214">
        <v>6.3822195486949451E-2</v>
      </c>
      <c r="BQ48" s="92">
        <v>8.7884875382498118E-2</v>
      </c>
      <c r="BR48" s="214">
        <v>0.29282410422049315</v>
      </c>
      <c r="BS48" s="92">
        <v>0.13497773124775092</v>
      </c>
      <c r="BT48" s="210">
        <v>35</v>
      </c>
      <c r="BU48" s="214">
        <v>0.70808631192731408</v>
      </c>
      <c r="BV48" s="92">
        <v>0.14854046547741154</v>
      </c>
      <c r="BW48" s="214">
        <v>0.1082021890904025</v>
      </c>
      <c r="BX48" s="92">
        <v>0.11384560072479606</v>
      </c>
      <c r="BY48" s="214">
        <v>0.1837114989822832</v>
      </c>
      <c r="BZ48" s="92">
        <v>0.1318234799486305</v>
      </c>
    </row>
    <row r="49" spans="1:78">
      <c r="A49" s="40" t="s">
        <v>543</v>
      </c>
      <c r="B49" s="318">
        <v>246</v>
      </c>
      <c r="C49" s="319">
        <v>0.37828044131674532</v>
      </c>
      <c r="D49" s="314">
        <v>6.1404189701774567E-2</v>
      </c>
      <c r="E49" s="319">
        <v>0.130289065269938</v>
      </c>
      <c r="F49" s="314">
        <v>4.3387148454526445E-2</v>
      </c>
      <c r="G49" s="319">
        <v>0.49143049341331468</v>
      </c>
      <c r="H49" s="314">
        <v>6.3236558378622937E-2</v>
      </c>
      <c r="I49" s="318">
        <v>239</v>
      </c>
      <c r="J49" s="319">
        <v>0.3441066635641023</v>
      </c>
      <c r="K49" s="314">
        <v>6.1059341372350466E-2</v>
      </c>
      <c r="L49" s="319">
        <v>0.23332710693915254</v>
      </c>
      <c r="M49" s="314">
        <v>5.4615380143602538E-2</v>
      </c>
      <c r="N49" s="319">
        <v>0.42256622949674366</v>
      </c>
      <c r="O49" s="314">
        <v>6.3401494875705053E-2</v>
      </c>
      <c r="P49" s="318">
        <v>216</v>
      </c>
      <c r="Q49" s="319">
        <v>0.28563254691767165</v>
      </c>
      <c r="R49" s="314">
        <v>6.1155901634146387E-2</v>
      </c>
      <c r="S49" s="319">
        <v>0.22326068930663759</v>
      </c>
      <c r="T49" s="314">
        <v>5.6596648294558835E-2</v>
      </c>
      <c r="U49" s="319">
        <v>0.49110676377568951</v>
      </c>
      <c r="V49" s="314">
        <v>6.7409705288753355E-2</v>
      </c>
      <c r="W49" s="318">
        <v>208</v>
      </c>
      <c r="X49" s="319">
        <v>0.30849285210880284</v>
      </c>
      <c r="Y49" s="314">
        <v>6.3646416825870064E-2</v>
      </c>
      <c r="Z49" s="319">
        <v>0.11522090316865893</v>
      </c>
      <c r="AA49" s="314">
        <v>4.503234029951167E-2</v>
      </c>
      <c r="AB49" s="319">
        <v>0.57628624472253698</v>
      </c>
      <c r="AC49" s="314">
        <v>6.7906420669637702E-2</v>
      </c>
      <c r="AD49" s="318">
        <v>276</v>
      </c>
      <c r="AE49" s="319">
        <v>0.52862871730933936</v>
      </c>
      <c r="AF49" s="314">
        <v>5.966617210073008E-2</v>
      </c>
      <c r="AG49" s="319">
        <v>0.17063402154797427</v>
      </c>
      <c r="AH49" s="314">
        <v>4.5449406296151969E-2</v>
      </c>
      <c r="AI49" s="319">
        <v>0.30073726114268473</v>
      </c>
      <c r="AJ49" s="314">
        <v>5.4957217716897037E-2</v>
      </c>
      <c r="AK49" s="318">
        <v>239</v>
      </c>
      <c r="AL49" s="319">
        <v>0.53492091022202859</v>
      </c>
      <c r="AM49" s="314">
        <v>6.3998501366134289E-2</v>
      </c>
      <c r="AN49" s="319">
        <v>0.19254899268743897</v>
      </c>
      <c r="AO49" s="314">
        <v>5.108859991588971E-2</v>
      </c>
      <c r="AP49" s="319">
        <v>0.27253009709053072</v>
      </c>
      <c r="AQ49" s="314">
        <v>5.736991105555888E-2</v>
      </c>
      <c r="AR49" s="318">
        <v>263</v>
      </c>
      <c r="AS49" s="319">
        <v>0.56946676510574423</v>
      </c>
      <c r="AT49" s="314">
        <v>6.0623214512044263E-2</v>
      </c>
      <c r="AU49" s="319">
        <v>0.15101888200330887</v>
      </c>
      <c r="AV49" s="314">
        <v>4.4441421896884888E-2</v>
      </c>
      <c r="AW49" s="319">
        <v>0.27951435289094523</v>
      </c>
      <c r="AX49" s="314">
        <v>5.512420642618103E-2</v>
      </c>
      <c r="AY49" s="318">
        <v>210</v>
      </c>
      <c r="AZ49" s="319">
        <v>0.27708659603596947</v>
      </c>
      <c r="BA49" s="314">
        <v>6.1469518050556698E-2</v>
      </c>
      <c r="BB49" s="319">
        <v>0.17805881708698593</v>
      </c>
      <c r="BC49" s="314">
        <v>5.2984265841800729E-2</v>
      </c>
      <c r="BD49" s="319">
        <v>0.54485458687704313</v>
      </c>
      <c r="BE49" s="314">
        <v>6.8093198309966796E-2</v>
      </c>
      <c r="BF49" s="318">
        <v>270</v>
      </c>
      <c r="BG49" s="319">
        <v>0.45087691546738023</v>
      </c>
      <c r="BH49" s="314">
        <v>6.0128434692597613E-2</v>
      </c>
      <c r="BI49" s="319">
        <v>0.21216861794794264</v>
      </c>
      <c r="BJ49" s="314">
        <v>4.9751840682479107E-2</v>
      </c>
      <c r="BK49" s="319">
        <v>0.33695446658467537</v>
      </c>
      <c r="BL49" s="314">
        <v>5.7208373033107163E-2</v>
      </c>
      <c r="BM49" s="318">
        <v>274</v>
      </c>
      <c r="BN49" s="319">
        <v>0.37723862262284458</v>
      </c>
      <c r="BO49" s="314">
        <v>5.819345108057454E-2</v>
      </c>
      <c r="BP49" s="319">
        <v>0.16395263814014352</v>
      </c>
      <c r="BQ49" s="314">
        <v>4.4929763412949408E-2</v>
      </c>
      <c r="BR49" s="319">
        <v>0.45880873923701054</v>
      </c>
      <c r="BS49" s="314">
        <v>5.9777977133967153E-2</v>
      </c>
      <c r="BT49" s="318">
        <v>187</v>
      </c>
      <c r="BU49" s="319">
        <v>0.43103854661780561</v>
      </c>
      <c r="BV49" s="314">
        <v>7.1694731425296379E-2</v>
      </c>
      <c r="BW49" s="319">
        <v>0.169602786201871</v>
      </c>
      <c r="BX49" s="314">
        <v>5.517455364990563E-2</v>
      </c>
      <c r="BY49" s="319">
        <v>0.39935866718032237</v>
      </c>
      <c r="BZ49" s="314">
        <v>7.0938527722799488E-2</v>
      </c>
    </row>
    <row r="50" spans="1:78">
      <c r="A50" s="44" t="s">
        <v>616</v>
      </c>
      <c r="B50" s="210">
        <v>118</v>
      </c>
      <c r="C50" s="214">
        <v>0.43780882222534712</v>
      </c>
      <c r="D50" s="92">
        <v>8.9878191181501699E-2</v>
      </c>
      <c r="E50" s="214">
        <v>9.3785896330341748E-2</v>
      </c>
      <c r="F50" s="92">
        <v>5.5995620685629577E-2</v>
      </c>
      <c r="G50" s="214">
        <v>0.46840528144431098</v>
      </c>
      <c r="H50" s="92">
        <v>9.0366495703484262E-2</v>
      </c>
      <c r="I50" s="210">
        <v>115</v>
      </c>
      <c r="J50" s="214">
        <v>0.34522716575744261</v>
      </c>
      <c r="K50" s="92">
        <v>8.7472194789226812E-2</v>
      </c>
      <c r="L50" s="214">
        <v>0.19512018962941913</v>
      </c>
      <c r="M50" s="92">
        <v>7.4063822619717321E-2</v>
      </c>
      <c r="N50" s="214">
        <v>0.45965264461313798</v>
      </c>
      <c r="O50" s="92">
        <v>9.1390691629095078E-2</v>
      </c>
      <c r="P50" s="210">
        <v>109</v>
      </c>
      <c r="Q50" s="214">
        <v>0.33878842698073791</v>
      </c>
      <c r="R50" s="92">
        <v>8.9406737827031763E-2</v>
      </c>
      <c r="S50" s="214">
        <v>0.20284768005289763</v>
      </c>
      <c r="T50" s="92">
        <v>7.7079696380927001E-2</v>
      </c>
      <c r="U50" s="214">
        <v>0.45836389296636409</v>
      </c>
      <c r="V50" s="92">
        <v>9.3768117809031867E-2</v>
      </c>
      <c r="W50" s="210">
        <v>100</v>
      </c>
      <c r="X50" s="214">
        <v>0.36706006809568265</v>
      </c>
      <c r="Y50" s="92">
        <v>9.4799443051762078E-2</v>
      </c>
      <c r="Z50" s="214">
        <v>0.12077826705499695</v>
      </c>
      <c r="AA50" s="92">
        <v>6.7093614875647453E-2</v>
      </c>
      <c r="AB50" s="214">
        <v>0.51216166484932002</v>
      </c>
      <c r="AC50" s="92">
        <v>9.8031245510293227E-2</v>
      </c>
      <c r="AD50" s="210">
        <v>130</v>
      </c>
      <c r="AE50" s="214">
        <v>0.51870088207018616</v>
      </c>
      <c r="AF50" s="92">
        <v>8.6329954395331851E-2</v>
      </c>
      <c r="AG50" s="214">
        <v>0.15722483586612132</v>
      </c>
      <c r="AH50" s="92">
        <v>6.451081288664158E-2</v>
      </c>
      <c r="AI50" s="214">
        <v>0.32407428206369238</v>
      </c>
      <c r="AJ50" s="92">
        <v>8.1198175867289044E-2</v>
      </c>
      <c r="AK50" s="210">
        <v>105</v>
      </c>
      <c r="AL50" s="214">
        <v>0.57639990262221441</v>
      </c>
      <c r="AM50" s="92">
        <v>9.4739351555266721E-2</v>
      </c>
      <c r="AN50" s="214">
        <v>0.14529906313627683</v>
      </c>
      <c r="AO50" s="92">
        <v>6.9928345633742853E-2</v>
      </c>
      <c r="AP50" s="214">
        <v>0.27830103424150887</v>
      </c>
      <c r="AQ50" s="92">
        <v>8.6605877165495823E-2</v>
      </c>
      <c r="AR50" s="210">
        <v>125</v>
      </c>
      <c r="AS50" s="214">
        <v>0.60909758418004689</v>
      </c>
      <c r="AT50" s="92">
        <v>8.6054678738208365E-2</v>
      </c>
      <c r="AU50" s="214">
        <v>0.13247308580488115</v>
      </c>
      <c r="AV50" s="92">
        <v>6.1800103502908293E-2</v>
      </c>
      <c r="AW50" s="214">
        <v>0.25842933001507229</v>
      </c>
      <c r="AX50" s="92">
        <v>7.7800480998503327E-2</v>
      </c>
      <c r="AY50" s="210">
        <v>103</v>
      </c>
      <c r="AZ50" s="214">
        <v>0.32439698927310245</v>
      </c>
      <c r="BA50" s="92">
        <v>9.0981360975510336E-2</v>
      </c>
      <c r="BB50" s="214">
        <v>0.15954139059559003</v>
      </c>
      <c r="BC50" s="92">
        <v>7.3010630525392209E-2</v>
      </c>
      <c r="BD50" s="214">
        <v>0.51606162013130719</v>
      </c>
      <c r="BE50" s="92">
        <v>9.6627418514680985E-2</v>
      </c>
      <c r="BF50" s="210">
        <v>121</v>
      </c>
      <c r="BG50" s="214">
        <v>0.41824233183795229</v>
      </c>
      <c r="BH50" s="92">
        <v>8.8315187405151707E-2</v>
      </c>
      <c r="BI50" s="214">
        <v>0.26172933747897142</v>
      </c>
      <c r="BJ50" s="92">
        <v>7.9357907648814535E-2</v>
      </c>
      <c r="BK50" s="214">
        <v>0.32002833068307623</v>
      </c>
      <c r="BL50" s="92">
        <v>8.3837934783478257E-2</v>
      </c>
      <c r="BM50" s="210">
        <v>136</v>
      </c>
      <c r="BN50" s="214">
        <v>0.50871346245378146</v>
      </c>
      <c r="BO50" s="92">
        <v>8.4503313904870994E-2</v>
      </c>
      <c r="BP50" s="214">
        <v>0.1649330562121599</v>
      </c>
      <c r="BQ50" s="92">
        <v>6.4154704695011014E-2</v>
      </c>
      <c r="BR50" s="214">
        <v>0.3263534813340585</v>
      </c>
      <c r="BS50" s="92">
        <v>7.9560454430703545E-2</v>
      </c>
      <c r="BT50" s="210">
        <v>86</v>
      </c>
      <c r="BU50" s="214">
        <v>0.47364279921278746</v>
      </c>
      <c r="BV50" s="92">
        <v>0.10527544337648204</v>
      </c>
      <c r="BW50" s="214">
        <v>0.12510932441625811</v>
      </c>
      <c r="BX50" s="92">
        <v>7.3536711402928209E-2</v>
      </c>
      <c r="BY50" s="214">
        <v>0.4012478763709541</v>
      </c>
      <c r="BZ50" s="92">
        <v>0.10351502257955549</v>
      </c>
    </row>
    <row r="51" spans="1:78">
      <c r="A51" s="40" t="s">
        <v>544</v>
      </c>
      <c r="B51" s="318">
        <v>128</v>
      </c>
      <c r="C51" s="319">
        <v>0.33377954893220968</v>
      </c>
      <c r="D51" s="314">
        <v>8.2392241790464532E-2</v>
      </c>
      <c r="E51" s="319">
        <v>0.15757728591161249</v>
      </c>
      <c r="F51" s="314">
        <v>6.5074613532154865E-2</v>
      </c>
      <c r="G51" s="319">
        <v>0.50864316515617825</v>
      </c>
      <c r="H51" s="314">
        <v>8.702659896952096E-2</v>
      </c>
      <c r="I51" s="318">
        <v>124</v>
      </c>
      <c r="J51" s="319">
        <v>0.3433006896735501</v>
      </c>
      <c r="K51" s="314">
        <v>8.4216242139947342E-2</v>
      </c>
      <c r="L51" s="319">
        <v>0.26080922877093154</v>
      </c>
      <c r="M51" s="314">
        <v>7.8323780654089778E-2</v>
      </c>
      <c r="N51" s="319">
        <v>0.39589008155551858</v>
      </c>
      <c r="O51" s="314">
        <v>8.6571496777484408E-2</v>
      </c>
      <c r="P51" s="318">
        <v>107</v>
      </c>
      <c r="Q51" s="319">
        <v>0.24328608220357859</v>
      </c>
      <c r="R51" s="314">
        <v>8.2475676033234413E-2</v>
      </c>
      <c r="S51" s="319">
        <v>0.23952264894396105</v>
      </c>
      <c r="T51" s="314">
        <v>8.2079596673736349E-2</v>
      </c>
      <c r="U51" s="319">
        <v>0.51719126885246058</v>
      </c>
      <c r="V51" s="314">
        <v>9.4863653060763373E-2</v>
      </c>
      <c r="W51" s="318">
        <v>108</v>
      </c>
      <c r="X51" s="319">
        <v>0.26632599052628014</v>
      </c>
      <c r="Y51" s="314">
        <v>8.4351954624408226E-2</v>
      </c>
      <c r="Z51" s="319">
        <v>0.11121974672285129</v>
      </c>
      <c r="AA51" s="314">
        <v>6.2522440500699078E-2</v>
      </c>
      <c r="AB51" s="319">
        <v>0.62245426275086868</v>
      </c>
      <c r="AC51" s="314">
        <v>9.1818318656799611E-2</v>
      </c>
      <c r="AD51" s="318">
        <v>146</v>
      </c>
      <c r="AE51" s="319">
        <v>0.53576605282547274</v>
      </c>
      <c r="AF51" s="314">
        <v>8.1451515945182545E-2</v>
      </c>
      <c r="AG51" s="319">
        <v>0.18027417520725958</v>
      </c>
      <c r="AH51" s="314">
        <v>6.3907158229902963E-2</v>
      </c>
      <c r="AI51" s="319">
        <v>0.2839597719672674</v>
      </c>
      <c r="AJ51" s="314">
        <v>7.4077918770718829E-2</v>
      </c>
      <c r="AK51" s="318">
        <v>134</v>
      </c>
      <c r="AL51" s="319">
        <v>0.50815056545746562</v>
      </c>
      <c r="AM51" s="314">
        <v>8.5114988476122574E-2</v>
      </c>
      <c r="AN51" s="319">
        <v>0.22304387289046823</v>
      </c>
      <c r="AO51" s="314">
        <v>7.1764007072003838E-2</v>
      </c>
      <c r="AP51" s="319">
        <v>0.26880556165206637</v>
      </c>
      <c r="AQ51" s="314">
        <v>7.6063060313616995E-2</v>
      </c>
      <c r="AR51" s="318">
        <v>138</v>
      </c>
      <c r="AS51" s="319">
        <v>0.54054880820397733</v>
      </c>
      <c r="AT51" s="314">
        <v>8.3657100386820477E-2</v>
      </c>
      <c r="AU51" s="319">
        <v>0.16455144448125403</v>
      </c>
      <c r="AV51" s="314">
        <v>6.362842311923432E-2</v>
      </c>
      <c r="AW51" s="319">
        <v>0.2948997473147687</v>
      </c>
      <c r="AX51" s="314">
        <v>7.6961748146868972E-2</v>
      </c>
      <c r="AY51" s="318">
        <v>107</v>
      </c>
      <c r="AZ51" s="319">
        <v>0.24122751718991203</v>
      </c>
      <c r="BA51" s="314">
        <v>8.2259974707501807E-2</v>
      </c>
      <c r="BB51" s="319">
        <v>0.19209416558330511</v>
      </c>
      <c r="BC51" s="314">
        <v>7.6383043143871884E-2</v>
      </c>
      <c r="BD51" s="319">
        <v>0.56667831722678308</v>
      </c>
      <c r="BE51" s="314">
        <v>9.4128273747696042E-2</v>
      </c>
      <c r="BF51" s="318">
        <v>149</v>
      </c>
      <c r="BG51" s="319">
        <v>0.47274054836653207</v>
      </c>
      <c r="BH51" s="314">
        <v>8.0731179541030026E-2</v>
      </c>
      <c r="BI51" s="319">
        <v>0.1789652717570307</v>
      </c>
      <c r="BJ51" s="314">
        <v>6.3091424538480781E-2</v>
      </c>
      <c r="BK51" s="319">
        <v>0.34829417987643696</v>
      </c>
      <c r="BL51" s="314">
        <v>7.7235400189413037E-2</v>
      </c>
      <c r="BM51" s="318">
        <v>138</v>
      </c>
      <c r="BN51" s="319">
        <v>0.27240069927104954</v>
      </c>
      <c r="BO51" s="314">
        <v>7.5260270515099897E-2</v>
      </c>
      <c r="BP51" s="319">
        <v>0.1631708536190985</v>
      </c>
      <c r="BQ51" s="314">
        <v>6.3434088848258449E-2</v>
      </c>
      <c r="BR51" s="319">
        <v>0.56442844710985207</v>
      </c>
      <c r="BS51" s="314">
        <v>8.3257540697163665E-2</v>
      </c>
      <c r="BT51" s="318">
        <v>101</v>
      </c>
      <c r="BU51" s="319">
        <v>0.4022859117834322</v>
      </c>
      <c r="BV51" s="314">
        <v>9.5850194691748922E-2</v>
      </c>
      <c r="BW51" s="319">
        <v>0.19963040507364521</v>
      </c>
      <c r="BX51" s="314">
        <v>7.9647131586012707E-2</v>
      </c>
      <c r="BY51" s="319">
        <v>0.39808368314292247</v>
      </c>
      <c r="BZ51" s="314">
        <v>9.5695822851581056E-2</v>
      </c>
    </row>
    <row r="52" spans="1:78">
      <c r="A52" s="44" t="s">
        <v>545</v>
      </c>
      <c r="B52" s="210">
        <v>58</v>
      </c>
      <c r="C52" s="214">
        <v>0.40685248893915671</v>
      </c>
      <c r="D52" s="92">
        <v>0.12505662458459407</v>
      </c>
      <c r="E52" s="214">
        <v>0.16498107419855279</v>
      </c>
      <c r="F52" s="92">
        <v>9.8955001295480849E-2</v>
      </c>
      <c r="G52" s="214">
        <v>0.42816643686229083</v>
      </c>
      <c r="H52" s="92">
        <v>0.12584790503397014</v>
      </c>
      <c r="I52" s="210">
        <v>56</v>
      </c>
      <c r="J52" s="214">
        <v>0.35617640982029514</v>
      </c>
      <c r="K52" s="92">
        <v>0.12435992671445463</v>
      </c>
      <c r="L52" s="214">
        <v>0.21609204847120633</v>
      </c>
      <c r="M52" s="92">
        <v>0.10947913031158368</v>
      </c>
      <c r="N52" s="214">
        <v>0.42773154170849925</v>
      </c>
      <c r="O52" s="92">
        <v>0.12791935527538781</v>
      </c>
      <c r="P52" s="210">
        <v>52</v>
      </c>
      <c r="Q52" s="214">
        <v>0.26943233005080724</v>
      </c>
      <c r="R52" s="92">
        <v>0.12076003673230999</v>
      </c>
      <c r="S52" s="214">
        <v>0.13435307694517085</v>
      </c>
      <c r="T52" s="92">
        <v>9.8096113275369726E-2</v>
      </c>
      <c r="U52" s="214">
        <v>0.59621459300402224</v>
      </c>
      <c r="V52" s="92">
        <v>0.13148003249356008</v>
      </c>
      <c r="W52" s="210">
        <v>40</v>
      </c>
      <c r="X52" s="214">
        <v>0.18589553156311303</v>
      </c>
      <c r="Y52" s="92">
        <v>0.12375249252867963</v>
      </c>
      <c r="Z52" s="214">
        <v>7.0075425029947083E-2</v>
      </c>
      <c r="AA52" s="92">
        <v>9.4023056077438785E-2</v>
      </c>
      <c r="AB52" s="214">
        <v>0.7440290434069402</v>
      </c>
      <c r="AC52" s="92">
        <v>0.13510433010479306</v>
      </c>
      <c r="AD52" s="210">
        <v>57</v>
      </c>
      <c r="AE52" s="214">
        <v>0.57462820077264398</v>
      </c>
      <c r="AF52" s="92">
        <v>0.12678550177717174</v>
      </c>
      <c r="AG52" s="214">
        <v>0.11936210662569442</v>
      </c>
      <c r="AH52" s="92">
        <v>8.9988391928468497E-2</v>
      </c>
      <c r="AI52" s="214">
        <v>0.30600969260166216</v>
      </c>
      <c r="AJ52" s="92">
        <v>0.11932633878367761</v>
      </c>
      <c r="AK52" s="210">
        <v>52</v>
      </c>
      <c r="AL52" s="214">
        <v>0.62789088326193121</v>
      </c>
      <c r="AM52" s="92">
        <v>0.12980673963774123</v>
      </c>
      <c r="AN52" s="214">
        <v>4.8483389915374167E-2</v>
      </c>
      <c r="AO52" s="92">
        <v>7.2809195127488568E-2</v>
      </c>
      <c r="AP52" s="214">
        <v>0.3236257268226948</v>
      </c>
      <c r="AQ52" s="92">
        <v>0.1262586306890883</v>
      </c>
      <c r="AR52" s="210">
        <v>61</v>
      </c>
      <c r="AS52" s="214">
        <v>0.59895550807329823</v>
      </c>
      <c r="AT52" s="92">
        <v>0.12187658764129977</v>
      </c>
      <c r="AU52" s="214">
        <v>0.18822124839634496</v>
      </c>
      <c r="AV52" s="92">
        <v>0.10057976760544947</v>
      </c>
      <c r="AW52" s="214">
        <v>0.21282324353035723</v>
      </c>
      <c r="AX52" s="92">
        <v>0.10447448281784756</v>
      </c>
      <c r="AY52" s="210">
        <v>47</v>
      </c>
      <c r="AZ52" s="214">
        <v>0.18435669848535746</v>
      </c>
      <c r="BA52" s="92">
        <v>0.11389185585814687</v>
      </c>
      <c r="BB52" s="214">
        <v>0.23467827317152751</v>
      </c>
      <c r="BC52" s="92">
        <v>0.12214224880158336</v>
      </c>
      <c r="BD52" s="214">
        <v>0.58096502834311536</v>
      </c>
      <c r="BE52" s="92">
        <v>0.13846005359736158</v>
      </c>
      <c r="BF52" s="210">
        <v>55</v>
      </c>
      <c r="BG52" s="214">
        <v>0.48788810242762826</v>
      </c>
      <c r="BH52" s="92">
        <v>0.13015571350224461</v>
      </c>
      <c r="BI52" s="214">
        <v>0.14455471725447933</v>
      </c>
      <c r="BJ52" s="92">
        <v>9.7497142402714426E-2</v>
      </c>
      <c r="BK52" s="214">
        <v>0.36755718031789286</v>
      </c>
      <c r="BL52" s="92">
        <v>0.12615748249590816</v>
      </c>
      <c r="BM52" s="210">
        <v>61</v>
      </c>
      <c r="BN52" s="214">
        <v>0.51567364746577071</v>
      </c>
      <c r="BO52" s="92">
        <v>0.12398105113944533</v>
      </c>
      <c r="BP52" s="214">
        <v>9.0145586754257878E-2</v>
      </c>
      <c r="BQ52" s="92">
        <v>7.9249464179001625E-2</v>
      </c>
      <c r="BR52" s="214">
        <v>0.39418076577997185</v>
      </c>
      <c r="BS52" s="92">
        <v>0.12156367470383578</v>
      </c>
      <c r="BT52" s="210">
        <v>39</v>
      </c>
      <c r="BU52" s="214">
        <v>0.39252207007387629</v>
      </c>
      <c r="BV52" s="92">
        <v>0.14957230589416468</v>
      </c>
      <c r="BW52" s="214">
        <v>0.14946630112620352</v>
      </c>
      <c r="BX52" s="92">
        <v>0.11770009736469224</v>
      </c>
      <c r="BY52" s="214">
        <v>0.45801162879992069</v>
      </c>
      <c r="BZ52" s="92">
        <v>0.15205559723907497</v>
      </c>
    </row>
    <row r="53" spans="1:78">
      <c r="A53" s="40" t="s">
        <v>546</v>
      </c>
      <c r="B53" s="318">
        <v>195</v>
      </c>
      <c r="C53" s="319">
        <v>0.46548218676056619</v>
      </c>
      <c r="D53" s="314">
        <v>7.0725733675525052E-2</v>
      </c>
      <c r="E53" s="319">
        <v>0.20568907897091968</v>
      </c>
      <c r="F53" s="314">
        <v>5.7907958969274545E-2</v>
      </c>
      <c r="G53" s="319">
        <v>0.32882873426851816</v>
      </c>
      <c r="H53" s="314">
        <v>6.6780437258161948E-2</v>
      </c>
      <c r="I53" s="318">
        <v>205</v>
      </c>
      <c r="J53" s="319">
        <v>0.50604378382470394</v>
      </c>
      <c r="K53" s="314">
        <v>6.9166584496822392E-2</v>
      </c>
      <c r="L53" s="319">
        <v>0.17114585404287314</v>
      </c>
      <c r="M53" s="314">
        <v>5.2852573043737187E-2</v>
      </c>
      <c r="N53" s="319">
        <v>0.32281036213242748</v>
      </c>
      <c r="O53" s="314">
        <v>6.4858196333831247E-2</v>
      </c>
      <c r="P53" s="318">
        <v>190</v>
      </c>
      <c r="Q53" s="319">
        <v>0.49544940279991434</v>
      </c>
      <c r="R53" s="314">
        <v>7.1792963672844531E-2</v>
      </c>
      <c r="S53" s="319">
        <v>0.18040483526667603</v>
      </c>
      <c r="T53" s="314">
        <v>5.5987390117055981E-2</v>
      </c>
      <c r="U53" s="319">
        <v>0.32414576193341171</v>
      </c>
      <c r="V53" s="314">
        <v>6.740206885807129E-2</v>
      </c>
      <c r="W53" s="318">
        <v>179</v>
      </c>
      <c r="X53" s="319">
        <v>0.71092432085663337</v>
      </c>
      <c r="Y53" s="314">
        <v>6.7335641261115811E-2</v>
      </c>
      <c r="Z53" s="319">
        <v>0.12038685237445096</v>
      </c>
      <c r="AA53" s="314">
        <v>4.9505694495353469E-2</v>
      </c>
      <c r="AB53" s="319">
        <v>0.16868882676891811</v>
      </c>
      <c r="AC53" s="314">
        <v>5.6293342677251834E-2</v>
      </c>
      <c r="AD53" s="318">
        <v>212</v>
      </c>
      <c r="AE53" s="319">
        <v>0.65720412210993406</v>
      </c>
      <c r="AF53" s="314">
        <v>6.4720723441817354E-2</v>
      </c>
      <c r="AG53" s="319">
        <v>0.12208538391360045</v>
      </c>
      <c r="AH53" s="314">
        <v>4.56275531204016E-2</v>
      </c>
      <c r="AI53" s="319">
        <v>0.2207104939764693</v>
      </c>
      <c r="AJ53" s="314">
        <v>5.690466494275398E-2</v>
      </c>
      <c r="AK53" s="318">
        <v>168</v>
      </c>
      <c r="AL53" s="319">
        <v>0.6616822686396745</v>
      </c>
      <c r="AM53" s="314">
        <v>7.2346159752690375E-2</v>
      </c>
      <c r="AN53" s="319">
        <v>0.11371999351965112</v>
      </c>
      <c r="AO53" s="314">
        <v>5.0034212027999653E-2</v>
      </c>
      <c r="AP53" s="319">
        <v>0.22459773784067555</v>
      </c>
      <c r="AQ53" s="314">
        <v>6.4274178977904495E-2</v>
      </c>
      <c r="AR53" s="318">
        <v>210</v>
      </c>
      <c r="AS53" s="319">
        <v>0.78325342768714135</v>
      </c>
      <c r="AT53" s="314">
        <v>5.6822203503459422E-2</v>
      </c>
      <c r="AU53" s="319">
        <v>9.5120764582582146E-2</v>
      </c>
      <c r="AV53" s="314">
        <v>4.150073798079288E-2</v>
      </c>
      <c r="AW53" s="319">
        <v>0.12162580773027992</v>
      </c>
      <c r="AX53" s="314">
        <v>4.5781886401841804E-2</v>
      </c>
      <c r="AY53" s="318">
        <v>181</v>
      </c>
      <c r="AZ53" s="319">
        <v>0.28874065973186402</v>
      </c>
      <c r="BA53" s="314">
        <v>6.6945495309992178E-2</v>
      </c>
      <c r="BB53" s="319">
        <v>0.18606483951677524</v>
      </c>
      <c r="BC53" s="314">
        <v>5.8014069331442902E-2</v>
      </c>
      <c r="BD53" s="319">
        <v>0.52519450075136265</v>
      </c>
      <c r="BE53" s="314">
        <v>7.3432063044706911E-2</v>
      </c>
      <c r="BF53" s="318">
        <v>209</v>
      </c>
      <c r="BG53" s="319">
        <v>0.48866984215005815</v>
      </c>
      <c r="BH53" s="314">
        <v>6.8501931538136981E-2</v>
      </c>
      <c r="BI53" s="319">
        <v>0.1979695570693128</v>
      </c>
      <c r="BJ53" s="314">
        <v>5.5185837761149902E-2</v>
      </c>
      <c r="BK53" s="319">
        <v>0.31336060078063349</v>
      </c>
      <c r="BL53" s="314">
        <v>6.375743043761059E-2</v>
      </c>
      <c r="BM53" s="318">
        <v>216</v>
      </c>
      <c r="BN53" s="319">
        <v>0.80764286899325488</v>
      </c>
      <c r="BO53" s="314">
        <v>5.372762667442578E-2</v>
      </c>
      <c r="BP53" s="319">
        <v>9.9940236176700864E-2</v>
      </c>
      <c r="BQ53" s="314">
        <v>4.1717490888809813E-2</v>
      </c>
      <c r="BR53" s="319">
        <v>9.2416894830047683E-2</v>
      </c>
      <c r="BS53" s="314">
        <v>4.0420959377847746E-2</v>
      </c>
      <c r="BT53" s="318">
        <v>133</v>
      </c>
      <c r="BU53" s="319">
        <v>0.70437075124353454</v>
      </c>
      <c r="BV53" s="314">
        <v>7.842164960512446E-2</v>
      </c>
      <c r="BW53" s="319">
        <v>0.16453665459795355</v>
      </c>
      <c r="BX53" s="314">
        <v>6.4827640282319798E-2</v>
      </c>
      <c r="BY53" s="319">
        <v>0.13109259415851274</v>
      </c>
      <c r="BZ53" s="314">
        <v>5.9618820456308542E-2</v>
      </c>
    </row>
    <row r="54" spans="1:78">
      <c r="A54" s="44" t="s">
        <v>557</v>
      </c>
      <c r="B54" s="210">
        <v>77</v>
      </c>
      <c r="C54" s="214">
        <v>0.39694888544062756</v>
      </c>
      <c r="D54" s="92">
        <v>0.10895766832890652</v>
      </c>
      <c r="E54" s="214">
        <v>0.22099365003390514</v>
      </c>
      <c r="F54" s="92">
        <v>9.4190238501031046E-2</v>
      </c>
      <c r="G54" s="214">
        <v>0.38205746452546746</v>
      </c>
      <c r="H54" s="92">
        <v>0.10828164154171201</v>
      </c>
      <c r="I54" s="210">
        <v>79</v>
      </c>
      <c r="J54" s="214">
        <v>0.48373996247597723</v>
      </c>
      <c r="K54" s="92">
        <v>0.10971166600280433</v>
      </c>
      <c r="L54" s="214">
        <v>0.15432397784738555</v>
      </c>
      <c r="M54" s="92">
        <v>8.2651206547561806E-2</v>
      </c>
      <c r="N54" s="214">
        <v>0.36193605967663756</v>
      </c>
      <c r="O54" s="92">
        <v>0.10590546921475029</v>
      </c>
      <c r="P54" s="210">
        <v>77</v>
      </c>
      <c r="Q54" s="214">
        <v>0.42989903196888435</v>
      </c>
      <c r="R54" s="92">
        <v>0.11011984898887178</v>
      </c>
      <c r="S54" s="214">
        <v>0.19130655383187939</v>
      </c>
      <c r="T54" s="92">
        <v>8.9962267382475938E-2</v>
      </c>
      <c r="U54" s="214">
        <v>0.3787944141992366</v>
      </c>
      <c r="V54" s="92">
        <v>0.10812071964773405</v>
      </c>
      <c r="W54" s="210">
        <v>66</v>
      </c>
      <c r="X54" s="214">
        <v>0.54421337313822826</v>
      </c>
      <c r="Y54" s="92">
        <v>0.11910672352678539</v>
      </c>
      <c r="Z54" s="214">
        <v>0.1679108695282843</v>
      </c>
      <c r="AA54" s="92">
        <v>9.3185067551159129E-2</v>
      </c>
      <c r="AB54" s="214">
        <v>0.28787575733348764</v>
      </c>
      <c r="AC54" s="92">
        <v>0.10954421339436346</v>
      </c>
      <c r="AD54" s="210">
        <v>85</v>
      </c>
      <c r="AE54" s="214">
        <v>0.56269819765594287</v>
      </c>
      <c r="AF54" s="92">
        <v>0.10523688624409205</v>
      </c>
      <c r="AG54" s="214">
        <v>0.15540948453054548</v>
      </c>
      <c r="AH54" s="92">
        <v>7.9800598989425237E-2</v>
      </c>
      <c r="AI54" s="214">
        <v>0.28189231781351148</v>
      </c>
      <c r="AJ54" s="92">
        <v>9.6362841827566242E-2</v>
      </c>
      <c r="AK54" s="210">
        <v>65</v>
      </c>
      <c r="AL54" s="214">
        <v>0.56117682074019259</v>
      </c>
      <c r="AM54" s="92">
        <v>0.11958351495579067</v>
      </c>
      <c r="AN54" s="214">
        <v>0.15157017889003832</v>
      </c>
      <c r="AO54" s="92">
        <v>9.0814164959205593E-2</v>
      </c>
      <c r="AP54" s="214">
        <v>0.28725300036976925</v>
      </c>
      <c r="AQ54" s="92">
        <v>0.11029191638522447</v>
      </c>
      <c r="AR54" s="210">
        <v>84</v>
      </c>
      <c r="AS54" s="214">
        <v>0.71483766435363061</v>
      </c>
      <c r="AT54" s="92">
        <v>9.7221711291322691E-2</v>
      </c>
      <c r="AU54" s="214">
        <v>0.12281696360517463</v>
      </c>
      <c r="AV54" s="92">
        <v>7.396939920884156E-2</v>
      </c>
      <c r="AW54" s="214">
        <v>0.16234537204119465</v>
      </c>
      <c r="AX54" s="92">
        <v>8.1496903837504103E-2</v>
      </c>
      <c r="AY54" s="210">
        <v>70</v>
      </c>
      <c r="AZ54" s="214">
        <v>0.26266772118889636</v>
      </c>
      <c r="BA54" s="92">
        <v>0.10387054712272417</v>
      </c>
      <c r="BB54" s="214">
        <v>0.15495739290375837</v>
      </c>
      <c r="BC54" s="92">
        <v>8.8062780833535775E-2</v>
      </c>
      <c r="BD54" s="214">
        <v>0.58237488590734554</v>
      </c>
      <c r="BE54" s="92">
        <v>0.11482728096686527</v>
      </c>
      <c r="BF54" s="210">
        <v>78</v>
      </c>
      <c r="BG54" s="214">
        <v>0.48475109257771137</v>
      </c>
      <c r="BH54" s="92">
        <v>0.11038504743304316</v>
      </c>
      <c r="BI54" s="214">
        <v>0.22437164407304472</v>
      </c>
      <c r="BJ54" s="92">
        <v>9.4031659863685571E-2</v>
      </c>
      <c r="BK54" s="214">
        <v>0.29087726334924385</v>
      </c>
      <c r="BL54" s="92">
        <v>0.1013157792575354</v>
      </c>
      <c r="BM54" s="210">
        <v>83</v>
      </c>
      <c r="BN54" s="214">
        <v>0.80573494767123888</v>
      </c>
      <c r="BO54" s="92">
        <v>8.7078731990190963E-2</v>
      </c>
      <c r="BP54" s="214">
        <v>8.076503539298456E-2</v>
      </c>
      <c r="BQ54" s="92">
        <v>6.4338245298899394E-2</v>
      </c>
      <c r="BR54" s="214">
        <v>0.11350001693577633</v>
      </c>
      <c r="BS54" s="92">
        <v>7.2409526197672935E-2</v>
      </c>
      <c r="BT54" s="210">
        <v>49</v>
      </c>
      <c r="BU54" s="214">
        <v>0.66079441601194777</v>
      </c>
      <c r="BV54" s="92">
        <v>0.13114891584050012</v>
      </c>
      <c r="BW54" s="214">
        <v>0.16264867081617332</v>
      </c>
      <c r="BX54" s="92">
        <v>0.10736082583569838</v>
      </c>
      <c r="BY54" s="214">
        <v>0.17655691317187894</v>
      </c>
      <c r="BZ54" s="92">
        <v>0.11008733782853516</v>
      </c>
    </row>
    <row r="55" spans="1:78">
      <c r="A55" s="40" t="s">
        <v>558</v>
      </c>
      <c r="B55" s="318">
        <v>75</v>
      </c>
      <c r="C55" s="319">
        <v>0.48706243736174643</v>
      </c>
      <c r="D55" s="314">
        <v>0.11247483888254993</v>
      </c>
      <c r="E55" s="319">
        <v>0.16897428740769033</v>
      </c>
      <c r="F55" s="314">
        <v>8.7507702932308223E-2</v>
      </c>
      <c r="G55" s="319">
        <v>0.34396327523056319</v>
      </c>
      <c r="H55" s="314">
        <v>0.10745754219771823</v>
      </c>
      <c r="I55" s="318">
        <v>80</v>
      </c>
      <c r="J55" s="319">
        <v>0.46908033625635537</v>
      </c>
      <c r="K55" s="314">
        <v>0.10891955454178077</v>
      </c>
      <c r="L55" s="319">
        <v>0.20875589601843486</v>
      </c>
      <c r="M55" s="314">
        <v>9.0780457922927896E-2</v>
      </c>
      <c r="N55" s="319">
        <v>0.32216376772520972</v>
      </c>
      <c r="O55" s="314">
        <v>0.10265859616201878</v>
      </c>
      <c r="P55" s="318">
        <v>72</v>
      </c>
      <c r="Q55" s="319">
        <v>0.49973201895871888</v>
      </c>
      <c r="R55" s="314">
        <v>0.1147078521486519</v>
      </c>
      <c r="S55" s="319">
        <v>0.20940233966793489</v>
      </c>
      <c r="T55" s="314">
        <v>9.5754134860845899E-2</v>
      </c>
      <c r="U55" s="319">
        <v>0.29086564137334642</v>
      </c>
      <c r="V55" s="314">
        <v>0.10531795920686382</v>
      </c>
      <c r="W55" s="318">
        <v>73</v>
      </c>
      <c r="X55" s="319">
        <v>0.76932528803795364</v>
      </c>
      <c r="Y55" s="314">
        <v>9.7980746205334784E-2</v>
      </c>
      <c r="Z55" s="319">
        <v>0.11926712744841016</v>
      </c>
      <c r="AA55" s="314">
        <v>7.8859341807445443E-2</v>
      </c>
      <c r="AB55" s="319">
        <v>0.11140758451363593</v>
      </c>
      <c r="AC55" s="314">
        <v>7.7048532219316165E-2</v>
      </c>
      <c r="AD55" s="318">
        <v>80</v>
      </c>
      <c r="AE55" s="319">
        <v>0.67652194849083147</v>
      </c>
      <c r="AF55" s="314">
        <v>0.10275652290594142</v>
      </c>
      <c r="AG55" s="319">
        <v>9.5073474426658228E-2</v>
      </c>
      <c r="AH55" s="314">
        <v>6.9446267721972654E-2</v>
      </c>
      <c r="AI55" s="319">
        <v>0.2284045770825103</v>
      </c>
      <c r="AJ55" s="314">
        <v>9.3374262452073101E-2</v>
      </c>
      <c r="AK55" s="318">
        <v>67</v>
      </c>
      <c r="AL55" s="319">
        <v>0.75847331787967076</v>
      </c>
      <c r="AM55" s="314">
        <v>0.10359923025410098</v>
      </c>
      <c r="AN55" s="319">
        <v>8.4548714672139744E-2</v>
      </c>
      <c r="AO55" s="314">
        <v>7.3657090495086772E-2</v>
      </c>
      <c r="AP55" s="319">
        <v>0.15697796744818943</v>
      </c>
      <c r="AQ55" s="314">
        <v>9.0451247732755508E-2</v>
      </c>
      <c r="AR55" s="318">
        <v>81</v>
      </c>
      <c r="AS55" s="319">
        <v>0.81922990020930753</v>
      </c>
      <c r="AT55" s="314">
        <v>8.6080101816146434E-2</v>
      </c>
      <c r="AU55" s="319">
        <v>9.9312213522550152E-2</v>
      </c>
      <c r="AV55" s="314">
        <v>7.0026686438419833E-2</v>
      </c>
      <c r="AW55" s="319">
        <v>8.1457886268141988E-2</v>
      </c>
      <c r="AX55" s="314">
        <v>6.5411586276157521E-2</v>
      </c>
      <c r="AY55" s="318">
        <v>72</v>
      </c>
      <c r="AZ55" s="319">
        <v>0.26909755717174866</v>
      </c>
      <c r="BA55" s="314">
        <v>0.10314746121009259</v>
      </c>
      <c r="BB55" s="319">
        <v>0.18860607613291092</v>
      </c>
      <c r="BC55" s="314">
        <v>9.2614704325709202E-2</v>
      </c>
      <c r="BD55" s="319">
        <v>0.54229636669534065</v>
      </c>
      <c r="BE55" s="314">
        <v>0.11433891810970268</v>
      </c>
      <c r="BF55" s="318">
        <v>85</v>
      </c>
      <c r="BG55" s="319">
        <v>0.43683519797642001</v>
      </c>
      <c r="BH55" s="314">
        <v>0.10522544692117068</v>
      </c>
      <c r="BI55" s="319">
        <v>0.17562154221294202</v>
      </c>
      <c r="BJ55" s="314">
        <v>8.3201171239849991E-2</v>
      </c>
      <c r="BK55" s="319">
        <v>0.38754325981063792</v>
      </c>
      <c r="BL55" s="314">
        <v>0.10352543019063816</v>
      </c>
      <c r="BM55" s="318">
        <v>84</v>
      </c>
      <c r="BN55" s="319">
        <v>0.86188021238060342</v>
      </c>
      <c r="BO55" s="314">
        <v>7.7070613132103769E-2</v>
      </c>
      <c r="BP55" s="319">
        <v>0.11368634443060621</v>
      </c>
      <c r="BQ55" s="314">
        <v>7.1991328019232609E-2</v>
      </c>
      <c r="BR55" s="319">
        <v>2.4433443188790323E-2</v>
      </c>
      <c r="BS55" s="314">
        <v>4.468551356893246E-2</v>
      </c>
      <c r="BT55" s="318">
        <v>56</v>
      </c>
      <c r="BU55" s="319">
        <v>0.73489849739117319</v>
      </c>
      <c r="BV55" s="314">
        <v>0.11602713399249628</v>
      </c>
      <c r="BW55" s="319">
        <v>0.12987473865829557</v>
      </c>
      <c r="BX55" s="314">
        <v>9.3332427010964711E-2</v>
      </c>
      <c r="BY55" s="319">
        <v>0.13522676395053113</v>
      </c>
      <c r="BZ55" s="314">
        <v>9.454818141871206E-2</v>
      </c>
    </row>
    <row r="56" spans="1:78">
      <c r="A56" s="44" t="s">
        <v>549</v>
      </c>
      <c r="B56" s="210">
        <v>43</v>
      </c>
      <c r="C56" s="214">
        <v>0.57245799621454918</v>
      </c>
      <c r="D56" s="92">
        <v>0.14457728723739199</v>
      </c>
      <c r="E56" s="214">
        <v>0.23948286458852658</v>
      </c>
      <c r="F56" s="92">
        <v>0.128225678591883</v>
      </c>
      <c r="G56" s="214">
        <v>0.18805913919692382</v>
      </c>
      <c r="H56" s="92">
        <v>0.11976963896022555</v>
      </c>
      <c r="I56" s="210">
        <v>46</v>
      </c>
      <c r="J56" s="214">
        <v>0.61204514359611328</v>
      </c>
      <c r="K56" s="92">
        <v>0.1383832931356036</v>
      </c>
      <c r="L56" s="214">
        <v>0.1384964594674426</v>
      </c>
      <c r="M56" s="92">
        <v>0.10559862763138735</v>
      </c>
      <c r="N56" s="214">
        <v>0.24945839693644362</v>
      </c>
      <c r="O56" s="92">
        <v>0.12549758413792933</v>
      </c>
      <c r="P56" s="210">
        <v>41</v>
      </c>
      <c r="Q56" s="214">
        <v>0.6396295419368897</v>
      </c>
      <c r="R56" s="92">
        <v>0.14416520572093008</v>
      </c>
      <c r="S56" s="214">
        <v>0.10056593787239806</v>
      </c>
      <c r="T56" s="92">
        <v>0.10222233705856792</v>
      </c>
      <c r="U56" s="214">
        <v>0.25980452019071154</v>
      </c>
      <c r="V56" s="92">
        <v>0.13403381544401621</v>
      </c>
      <c r="W56" s="210">
        <v>40</v>
      </c>
      <c r="X56" s="214">
        <v>0.90083293579000145</v>
      </c>
      <c r="Y56" s="92">
        <v>0.10322848458152618</v>
      </c>
      <c r="Z56" s="214">
        <v>3.6527233091189354E-2</v>
      </c>
      <c r="AA56" s="92">
        <v>8.1169603041058844E-2</v>
      </c>
      <c r="AB56" s="214">
        <v>6.2639831118809081E-2</v>
      </c>
      <c r="AC56" s="92">
        <v>9.1410223177134167E-2</v>
      </c>
      <c r="AD56" s="210">
        <v>47</v>
      </c>
      <c r="AE56" s="214">
        <v>0.81250895936331591</v>
      </c>
      <c r="AF56" s="92">
        <v>0.11446615775769553</v>
      </c>
      <c r="AG56" s="214">
        <v>0.10075716165103188</v>
      </c>
      <c r="AH56" s="92">
        <v>9.4817783795855509E-2</v>
      </c>
      <c r="AI56" s="214">
        <v>8.6733878985652102E-2</v>
      </c>
      <c r="AJ56" s="92">
        <v>9.0727310620577414E-2</v>
      </c>
      <c r="AK56" s="210">
        <v>36</v>
      </c>
      <c r="AL56" s="214">
        <v>0.71760709681316937</v>
      </c>
      <c r="AM56" s="92">
        <v>0.1454799617292363</v>
      </c>
      <c r="AN56" s="214">
        <v>7.9732193249590577E-2</v>
      </c>
      <c r="AO56" s="92">
        <v>0.10340876471240355</v>
      </c>
      <c r="AP56" s="214">
        <v>0.20266070993724003</v>
      </c>
      <c r="AQ56" s="92">
        <v>0.13356173506428734</v>
      </c>
      <c r="AR56" s="210">
        <v>45</v>
      </c>
      <c r="AS56" s="214">
        <v>0.86819369680952574</v>
      </c>
      <c r="AT56" s="92">
        <v>0.10523572098872711</v>
      </c>
      <c r="AU56" s="214">
        <v>2.8677719970129151E-2</v>
      </c>
      <c r="AV56" s="92">
        <v>7.1510513931778402E-2</v>
      </c>
      <c r="AW56" s="214">
        <v>0.10312858322034481</v>
      </c>
      <c r="AX56" s="92">
        <v>9.7795657632949562E-2</v>
      </c>
      <c r="AY56" s="210">
        <v>39</v>
      </c>
      <c r="AZ56" s="214">
        <v>0.38975040300906805</v>
      </c>
      <c r="BA56" s="92">
        <v>0.14941785823234963</v>
      </c>
      <c r="BB56" s="214">
        <v>0.25171556844863191</v>
      </c>
      <c r="BC56" s="92">
        <v>0.13615663762364488</v>
      </c>
      <c r="BD56" s="214">
        <v>0.35853402854229932</v>
      </c>
      <c r="BE56" s="92">
        <v>0.14739205163742541</v>
      </c>
      <c r="BF56" s="210">
        <v>46</v>
      </c>
      <c r="BG56" s="214">
        <v>0.59612133310236859</v>
      </c>
      <c r="BH56" s="92">
        <v>0.13919190994958536</v>
      </c>
      <c r="BI56" s="214">
        <v>0.1859552099144674</v>
      </c>
      <c r="BJ56" s="92">
        <v>0.11542080790421153</v>
      </c>
      <c r="BK56" s="214">
        <v>0.2179234569831634</v>
      </c>
      <c r="BL56" s="92">
        <v>0.12088154272071591</v>
      </c>
      <c r="BM56" s="210">
        <v>49</v>
      </c>
      <c r="BN56" s="214">
        <v>0.72143083250885542</v>
      </c>
      <c r="BO56" s="92">
        <v>0.12531924568353645</v>
      </c>
      <c r="BP56" s="214">
        <v>0.1144414724560537</v>
      </c>
      <c r="BQ56" s="92">
        <v>9.632352397417944E-2</v>
      </c>
      <c r="BR56" s="214">
        <v>0.164127695035091</v>
      </c>
      <c r="BS56" s="92">
        <v>0.10765955632667495</v>
      </c>
      <c r="BT56" s="210">
        <v>28</v>
      </c>
      <c r="BU56" s="214">
        <v>0.73910263253197206</v>
      </c>
      <c r="BV56" s="92">
        <v>0.1605572974092514</v>
      </c>
      <c r="BW56" s="214">
        <v>0.23901407128842833</v>
      </c>
      <c r="BX56" s="92">
        <v>0.15726191644108059</v>
      </c>
      <c r="BY56" s="214">
        <v>2.1883296179599488E-2</v>
      </c>
      <c r="BZ56" s="92">
        <v>9.6812645848702431E-2</v>
      </c>
    </row>
    <row r="57" spans="1:78">
      <c r="A57" s="40" t="s">
        <v>550</v>
      </c>
      <c r="B57" s="318">
        <v>92</v>
      </c>
      <c r="C57" s="319">
        <v>0.44787344775911292</v>
      </c>
      <c r="D57" s="314">
        <v>0.10155141076559086</v>
      </c>
      <c r="E57" s="319">
        <v>0.18880796025229191</v>
      </c>
      <c r="F57" s="314">
        <v>8.1920039525712418E-2</v>
      </c>
      <c r="G57" s="319">
        <v>0.36331859198859484</v>
      </c>
      <c r="H57" s="314">
        <v>9.849758378708727E-2</v>
      </c>
      <c r="I57" s="318">
        <v>89</v>
      </c>
      <c r="J57" s="319">
        <v>0.48067089944700131</v>
      </c>
      <c r="K57" s="314">
        <v>0.10362418316234911</v>
      </c>
      <c r="L57" s="319">
        <v>0.22175753220006569</v>
      </c>
      <c r="M57" s="314">
        <v>8.7767434095205404E-2</v>
      </c>
      <c r="N57" s="319">
        <v>0.29757156835293247</v>
      </c>
      <c r="O57" s="314">
        <v>9.5595890413642234E-2</v>
      </c>
      <c r="P57" s="318">
        <v>80</v>
      </c>
      <c r="Q57" s="319">
        <v>0.39830028323406824</v>
      </c>
      <c r="R57" s="314">
        <v>0.10704221377597088</v>
      </c>
      <c r="S57" s="319">
        <v>0.16132437798323809</v>
      </c>
      <c r="T57" s="314">
        <v>8.3370273134782069E-2</v>
      </c>
      <c r="U57" s="319">
        <v>0.44037533878269314</v>
      </c>
      <c r="V57" s="314">
        <v>0.10840300015546034</v>
      </c>
      <c r="W57" s="318">
        <v>76</v>
      </c>
      <c r="X57" s="319">
        <v>0.45413588698443375</v>
      </c>
      <c r="Y57" s="314">
        <v>0.11137808941425802</v>
      </c>
      <c r="Z57" s="319">
        <v>0.12683326089124486</v>
      </c>
      <c r="AA57" s="314">
        <v>7.8842816033771204E-2</v>
      </c>
      <c r="AB57" s="319">
        <v>0.41903085212432084</v>
      </c>
      <c r="AC57" s="314">
        <v>0.11047244167116714</v>
      </c>
      <c r="AD57" s="318">
        <v>91</v>
      </c>
      <c r="AE57" s="319">
        <v>0.67594987280790719</v>
      </c>
      <c r="AF57" s="314">
        <v>9.6593293269414973E-2</v>
      </c>
      <c r="AG57" s="319">
        <v>0.11812568289270813</v>
      </c>
      <c r="AH57" s="314">
        <v>6.9945460389738839E-2</v>
      </c>
      <c r="AI57" s="319">
        <v>0.20592444429938436</v>
      </c>
      <c r="AJ57" s="314">
        <v>8.4765636821761553E-2</v>
      </c>
      <c r="AK57" s="318">
        <v>91</v>
      </c>
      <c r="AL57" s="319">
        <v>0.66600214412108871</v>
      </c>
      <c r="AM57" s="314">
        <v>9.7271188865046723E-2</v>
      </c>
      <c r="AN57" s="319">
        <v>0.10886033327790147</v>
      </c>
      <c r="AO57" s="314">
        <v>6.7938647375628339E-2</v>
      </c>
      <c r="AP57" s="319">
        <v>0.22513752260100958</v>
      </c>
      <c r="AQ57" s="314">
        <v>8.722113064447376E-2</v>
      </c>
      <c r="AR57" s="318">
        <v>95</v>
      </c>
      <c r="AS57" s="319">
        <v>0.72392565281708432</v>
      </c>
      <c r="AT57" s="314">
        <v>9.0749378476861153E-2</v>
      </c>
      <c r="AU57" s="319">
        <v>0.14005276608160794</v>
      </c>
      <c r="AV57" s="314">
        <v>7.266809507462077E-2</v>
      </c>
      <c r="AW57" s="319">
        <v>0.1360215811013073</v>
      </c>
      <c r="AX57" s="314">
        <v>7.1917156668938456E-2</v>
      </c>
      <c r="AY57" s="318">
        <v>80</v>
      </c>
      <c r="AZ57" s="319">
        <v>0.29104141823420643</v>
      </c>
      <c r="BA57" s="314">
        <v>0.10009418113416721</v>
      </c>
      <c r="BB57" s="319">
        <v>0.11607446488783037</v>
      </c>
      <c r="BC57" s="314">
        <v>7.4419956467956544E-2</v>
      </c>
      <c r="BD57" s="319">
        <v>0.59288411687796294</v>
      </c>
      <c r="BE57" s="314">
        <v>0.10738773544636106</v>
      </c>
      <c r="BF57" s="318">
        <v>96</v>
      </c>
      <c r="BG57" s="319">
        <v>0.48830229799986924</v>
      </c>
      <c r="BH57" s="314">
        <v>9.9974775164240609E-2</v>
      </c>
      <c r="BI57" s="319">
        <v>0.26992705298526998</v>
      </c>
      <c r="BJ57" s="314">
        <v>8.9714308832043899E-2</v>
      </c>
      <c r="BK57" s="319">
        <v>0.24177064901486034</v>
      </c>
      <c r="BL57" s="314">
        <v>8.6843653140635149E-2</v>
      </c>
      <c r="BM57" s="318">
        <v>98</v>
      </c>
      <c r="BN57" s="319">
        <v>0.58413417315697647</v>
      </c>
      <c r="BO57" s="314">
        <v>9.7712209706990641E-2</v>
      </c>
      <c r="BP57" s="319">
        <v>0.20797118165772807</v>
      </c>
      <c r="BQ57" s="314">
        <v>8.195568171798609E-2</v>
      </c>
      <c r="BR57" s="319">
        <v>0.20789464518529496</v>
      </c>
      <c r="BS57" s="314">
        <v>8.1945807339173185E-2</v>
      </c>
      <c r="BT57" s="318">
        <v>73</v>
      </c>
      <c r="BU57" s="319">
        <v>0.54289180999671327</v>
      </c>
      <c r="BV57" s="314">
        <v>0.11358307593620252</v>
      </c>
      <c r="BW57" s="319">
        <v>0.26764515988325366</v>
      </c>
      <c r="BX57" s="314">
        <v>0.10230455099140957</v>
      </c>
      <c r="BY57" s="319">
        <v>0.18946303012003271</v>
      </c>
      <c r="BZ57" s="314">
        <v>9.211105393244795E-2</v>
      </c>
    </row>
    <row r="58" spans="1:78">
      <c r="A58" s="44" t="s">
        <v>551</v>
      </c>
      <c r="B58" s="210">
        <v>79</v>
      </c>
      <c r="C58" s="214">
        <v>0.4114236512662251</v>
      </c>
      <c r="D58" s="92">
        <v>0.10819264992042447</v>
      </c>
      <c r="E58" s="214">
        <v>0.21486233284926232</v>
      </c>
      <c r="F58" s="92">
        <v>9.2187384024739749E-2</v>
      </c>
      <c r="G58" s="214">
        <v>0.37371401588451264</v>
      </c>
      <c r="H58" s="92">
        <v>0.10654530819992701</v>
      </c>
      <c r="I58" s="210">
        <v>71</v>
      </c>
      <c r="J58" s="214">
        <v>0.25802511988282884</v>
      </c>
      <c r="K58" s="92">
        <v>0.1026390802263335</v>
      </c>
      <c r="L58" s="214">
        <v>0.21874046678731124</v>
      </c>
      <c r="M58" s="92">
        <v>9.7736006800915709E-2</v>
      </c>
      <c r="N58" s="214">
        <v>0.52323441332985976</v>
      </c>
      <c r="O58" s="92">
        <v>0.11535827303703958</v>
      </c>
      <c r="P58" s="210">
        <v>70</v>
      </c>
      <c r="Q58" s="214">
        <v>0.22480472453039355</v>
      </c>
      <c r="R58" s="92">
        <v>9.9249500782245786E-2</v>
      </c>
      <c r="S58" s="214">
        <v>0.1824809771021314</v>
      </c>
      <c r="T58" s="92">
        <v>9.2936006434151078E-2</v>
      </c>
      <c r="U58" s="214">
        <v>0.59271429836747458</v>
      </c>
      <c r="V58" s="92">
        <v>0.11444536849381469</v>
      </c>
      <c r="W58" s="210">
        <v>68</v>
      </c>
      <c r="X58" s="214">
        <v>0.19951614720272584</v>
      </c>
      <c r="Y58" s="92">
        <v>9.7028936849278519E-2</v>
      </c>
      <c r="Z58" s="214">
        <v>0.10130469031647441</v>
      </c>
      <c r="AA58" s="92">
        <v>7.7536168449198389E-2</v>
      </c>
      <c r="AB58" s="214">
        <v>0.69917916248079937</v>
      </c>
      <c r="AC58" s="92">
        <v>0.10919230065046691</v>
      </c>
      <c r="AD58" s="210">
        <v>94</v>
      </c>
      <c r="AE58" s="214">
        <v>0.48758559617445729</v>
      </c>
      <c r="AF58" s="92">
        <v>0.10098660384716947</v>
      </c>
      <c r="AG58" s="214">
        <v>0.14383077983622305</v>
      </c>
      <c r="AH58" s="92">
        <v>7.3758508575941878E-2</v>
      </c>
      <c r="AI58" s="214">
        <v>0.36858362398931982</v>
      </c>
      <c r="AJ58" s="92">
        <v>9.7752453237386891E-2</v>
      </c>
      <c r="AK58" s="210">
        <v>73</v>
      </c>
      <c r="AL58" s="214">
        <v>0.47815967836514206</v>
      </c>
      <c r="AM58" s="92">
        <v>0.11386281824153938</v>
      </c>
      <c r="AN58" s="214">
        <v>0.19609044859056254</v>
      </c>
      <c r="AO58" s="92">
        <v>9.3137431975169993E-2</v>
      </c>
      <c r="AP58" s="214">
        <v>0.32574987304429515</v>
      </c>
      <c r="AQ58" s="92">
        <v>0.10756081067485834</v>
      </c>
      <c r="AR58" s="210">
        <v>88</v>
      </c>
      <c r="AS58" s="214">
        <v>0.5160406536585751</v>
      </c>
      <c r="AT58" s="92">
        <v>0.10420810808236558</v>
      </c>
      <c r="AU58" s="214">
        <v>0.13829948819932134</v>
      </c>
      <c r="AV58" s="92">
        <v>7.5268133089277933E-2</v>
      </c>
      <c r="AW58" s="214">
        <v>0.34565985814210376</v>
      </c>
      <c r="AX58" s="92">
        <v>9.960912115777229E-2</v>
      </c>
      <c r="AY58" s="210">
        <v>63</v>
      </c>
      <c r="AZ58" s="214">
        <v>0.18499240480844714</v>
      </c>
      <c r="BA58" s="92">
        <v>9.8424868215412159E-2</v>
      </c>
      <c r="BB58" s="214">
        <v>0.17412941252424219</v>
      </c>
      <c r="BC58" s="92">
        <v>9.6539981204031677E-2</v>
      </c>
      <c r="BD58" s="214">
        <v>0.64087818266731023</v>
      </c>
      <c r="BE58" s="92">
        <v>0.11780387180348567</v>
      </c>
      <c r="BF58" s="210">
        <v>91</v>
      </c>
      <c r="BG58" s="214">
        <v>0.45297638354596714</v>
      </c>
      <c r="BH58" s="92">
        <v>0.10218065886998912</v>
      </c>
      <c r="BI58" s="214">
        <v>0.253130467528489</v>
      </c>
      <c r="BJ58" s="92">
        <v>9.039784863612306E-2</v>
      </c>
      <c r="BK58" s="214">
        <v>0.2938931489255443</v>
      </c>
      <c r="BL58" s="92">
        <v>9.4260986203771546E-2</v>
      </c>
      <c r="BM58" s="210">
        <v>89</v>
      </c>
      <c r="BN58" s="214">
        <v>0.33659528876143613</v>
      </c>
      <c r="BO58" s="92">
        <v>9.8493245028980339E-2</v>
      </c>
      <c r="BP58" s="214">
        <v>9.3860813286208364E-2</v>
      </c>
      <c r="BQ58" s="92">
        <v>6.5232415694652102E-2</v>
      </c>
      <c r="BR58" s="214">
        <v>0.56954389795235572</v>
      </c>
      <c r="BS58" s="92">
        <v>0.10277247650374871</v>
      </c>
      <c r="BT58" s="210">
        <v>58</v>
      </c>
      <c r="BU58" s="214">
        <v>0.33310425622765166</v>
      </c>
      <c r="BV58" s="92">
        <v>0.12064984293355324</v>
      </c>
      <c r="BW58" s="214">
        <v>0.17703722350246243</v>
      </c>
      <c r="BX58" s="92">
        <v>0.10119275669939973</v>
      </c>
      <c r="BY58" s="214">
        <v>0.48985852026988558</v>
      </c>
      <c r="BZ58" s="92">
        <v>0.12697726319517819</v>
      </c>
    </row>
    <row r="59" spans="1:78">
      <c r="A59" s="40"/>
      <c r="B59" s="318"/>
      <c r="C59" s="319"/>
      <c r="D59" s="314"/>
      <c r="E59" s="319"/>
      <c r="F59" s="314"/>
      <c r="G59" s="319"/>
      <c r="H59" s="314"/>
      <c r="I59" s="318"/>
      <c r="J59" s="319"/>
      <c r="K59" s="314"/>
      <c r="L59" s="319"/>
      <c r="M59" s="314"/>
      <c r="N59" s="319"/>
      <c r="O59" s="314"/>
      <c r="P59" s="318"/>
      <c r="Q59" s="319"/>
      <c r="R59" s="314"/>
      <c r="S59" s="319"/>
      <c r="T59" s="314"/>
      <c r="U59" s="319"/>
      <c r="V59" s="314"/>
      <c r="W59" s="318"/>
      <c r="X59" s="319"/>
      <c r="Y59" s="314"/>
      <c r="Z59" s="319"/>
      <c r="AA59" s="314"/>
      <c r="AB59" s="319"/>
      <c r="AC59" s="314"/>
      <c r="AD59" s="318"/>
      <c r="AE59" s="319"/>
      <c r="AF59" s="314"/>
      <c r="AG59" s="319"/>
      <c r="AH59" s="314"/>
      <c r="AI59" s="319"/>
      <c r="AJ59" s="314"/>
      <c r="AK59" s="318"/>
      <c r="AL59" s="319"/>
      <c r="AM59" s="314"/>
      <c r="AN59" s="319"/>
      <c r="AO59" s="314"/>
      <c r="AP59" s="319"/>
      <c r="AQ59" s="314"/>
      <c r="AR59" s="318"/>
      <c r="AS59" s="319"/>
      <c r="AT59" s="314"/>
      <c r="AU59" s="319"/>
      <c r="AV59" s="314"/>
      <c r="AW59" s="319"/>
      <c r="AX59" s="314"/>
      <c r="AY59" s="318"/>
      <c r="AZ59" s="319"/>
      <c r="BA59" s="314"/>
      <c r="BB59" s="319"/>
      <c r="BC59" s="314"/>
      <c r="BD59" s="319"/>
      <c r="BE59" s="314"/>
      <c r="BF59" s="318"/>
      <c r="BG59" s="319"/>
      <c r="BH59" s="314"/>
      <c r="BI59" s="319"/>
      <c r="BJ59" s="314"/>
      <c r="BK59" s="319"/>
      <c r="BL59" s="314"/>
      <c r="BM59" s="318"/>
      <c r="BN59" s="319"/>
      <c r="BO59" s="314"/>
      <c r="BP59" s="319"/>
      <c r="BQ59" s="314"/>
      <c r="BR59" s="319"/>
      <c r="BS59" s="314"/>
      <c r="BT59" s="318"/>
      <c r="BU59" s="319"/>
      <c r="BV59" s="314"/>
      <c r="BW59" s="319"/>
      <c r="BX59" s="314"/>
      <c r="BY59" s="319"/>
      <c r="BZ59" s="314"/>
    </row>
  </sheetData>
  <mergeCells count="16">
    <mergeCell ref="BT34:BZ34"/>
    <mergeCell ref="AK34:AQ34"/>
    <mergeCell ref="AR34:AX34"/>
    <mergeCell ref="AY34:BE34"/>
    <mergeCell ref="BF34:BL34"/>
    <mergeCell ref="BM34:BS34"/>
    <mergeCell ref="B34:H34"/>
    <mergeCell ref="I34:O34"/>
    <mergeCell ref="P34:V34"/>
    <mergeCell ref="W34:AC34"/>
    <mergeCell ref="AD34:AJ34"/>
    <mergeCell ref="A3:D3"/>
    <mergeCell ref="A4:D4"/>
    <mergeCell ref="A5:D5"/>
    <mergeCell ref="A32:BZ32"/>
    <mergeCell ref="A33:BZ33"/>
  </mergeCells>
  <pageMargins left="0.7" right="0.7" top="0.75" bottom="0.75" header="0.3" footer="0.3"/>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100-000000000000}">
  <dimension ref="A1:N16"/>
  <sheetViews>
    <sheetView workbookViewId="0"/>
  </sheetViews>
  <sheetFormatPr defaultColWidth="8.85546875" defaultRowHeight="15"/>
  <cols>
    <col min="1" max="1" width="140" style="293" customWidth="1"/>
    <col min="2" max="9" width="8.85546875" style="20"/>
    <col min="10" max="10" width="19.42578125" style="20" customWidth="1"/>
    <col min="11" max="12" width="8.85546875" style="20"/>
    <col min="13" max="13" width="9.140625" style="20" customWidth="1"/>
    <col min="14" max="16384" width="8.85546875" style="20"/>
  </cols>
  <sheetData>
    <row r="1" spans="1:14" s="9" customFormat="1" ht="23.25">
      <c r="A1" s="295" t="s">
        <v>361</v>
      </c>
      <c r="F1" s="324"/>
      <c r="G1" s="324"/>
      <c r="H1" s="324"/>
      <c r="I1" s="324"/>
      <c r="J1" s="324"/>
      <c r="K1" s="324"/>
      <c r="L1" s="324"/>
      <c r="M1" s="324"/>
      <c r="N1" s="324"/>
    </row>
    <row r="2" spans="1:14" ht="21">
      <c r="A2" s="296"/>
      <c r="B2" s="12"/>
      <c r="C2" s="12"/>
      <c r="D2" s="12"/>
      <c r="E2" s="12"/>
      <c r="F2" s="325"/>
      <c r="G2" s="325"/>
      <c r="H2" s="325"/>
      <c r="I2" s="325"/>
      <c r="J2" s="325"/>
      <c r="K2" s="325"/>
      <c r="L2" s="325"/>
      <c r="M2" s="325"/>
      <c r="N2" s="325"/>
    </row>
    <row r="3" spans="1:14" s="11" customFormat="1" ht="21">
      <c r="A3" s="297" t="s">
        <v>151</v>
      </c>
      <c r="B3" s="10"/>
      <c r="C3" s="10"/>
      <c r="D3" s="10"/>
      <c r="E3" s="10"/>
      <c r="F3" s="19"/>
      <c r="G3" s="19"/>
      <c r="H3" s="19"/>
      <c r="I3" s="19"/>
      <c r="J3" s="19"/>
      <c r="K3" s="19"/>
      <c r="L3" s="19"/>
      <c r="M3" s="19"/>
      <c r="N3" s="19"/>
    </row>
    <row r="4" spans="1:14" s="11" customFormat="1" ht="31.5">
      <c r="A4" s="296" t="s">
        <v>461</v>
      </c>
      <c r="B4" s="10"/>
      <c r="C4" s="10"/>
      <c r="D4" s="10"/>
      <c r="E4" s="10"/>
      <c r="F4" s="19"/>
      <c r="G4" s="19"/>
      <c r="H4" s="19"/>
      <c r="I4" s="19"/>
      <c r="J4" s="19"/>
      <c r="K4" s="19"/>
      <c r="L4" s="19"/>
      <c r="M4" s="19"/>
      <c r="N4" s="19"/>
    </row>
    <row r="5" spans="1:14" ht="18.75" customHeight="1">
      <c r="A5" s="296"/>
      <c r="B5" s="12"/>
      <c r="C5" s="12"/>
      <c r="D5" s="12"/>
      <c r="E5" s="12"/>
      <c r="F5" s="19"/>
      <c r="G5" s="19"/>
      <c r="H5" s="19"/>
      <c r="I5" s="19"/>
      <c r="J5" s="19"/>
      <c r="K5" s="19"/>
      <c r="L5" s="19"/>
      <c r="M5" s="19"/>
      <c r="N5" s="19"/>
    </row>
    <row r="6" spans="1:14">
      <c r="A6" s="298" t="s">
        <v>152</v>
      </c>
      <c r="B6" s="12"/>
      <c r="C6" s="12"/>
      <c r="D6" s="12"/>
      <c r="E6" s="12"/>
    </row>
    <row r="7" spans="1:14" ht="51" customHeight="1">
      <c r="A7" s="299" t="s">
        <v>222</v>
      </c>
      <c r="B7" s="12"/>
      <c r="C7" s="12"/>
      <c r="D7" s="12"/>
      <c r="E7" s="12"/>
      <c r="F7" s="12"/>
      <c r="G7" s="12"/>
    </row>
    <row r="8" spans="1:14">
      <c r="A8" s="220"/>
      <c r="B8" s="12"/>
      <c r="C8" s="12"/>
      <c r="D8" s="12"/>
      <c r="E8" s="12"/>
      <c r="F8" s="12"/>
      <c r="G8" s="12"/>
    </row>
    <row r="9" spans="1:14">
      <c r="A9" s="297" t="s">
        <v>153</v>
      </c>
      <c r="B9" s="12"/>
      <c r="C9" s="12"/>
      <c r="D9" s="12"/>
      <c r="E9" s="12"/>
      <c r="F9" s="12"/>
      <c r="G9" s="12"/>
    </row>
    <row r="10" spans="1:14" ht="30">
      <c r="A10" s="296" t="s">
        <v>619</v>
      </c>
      <c r="B10" s="12"/>
      <c r="C10" s="12"/>
      <c r="D10" s="12"/>
      <c r="E10" s="12"/>
      <c r="F10" s="12"/>
      <c r="G10" s="12"/>
    </row>
    <row r="11" spans="1:14">
      <c r="A11" s="222"/>
      <c r="B11" s="13"/>
      <c r="C11" s="13"/>
      <c r="D11" s="13"/>
      <c r="E11" s="13"/>
    </row>
    <row r="12" spans="1:14">
      <c r="A12" s="297" t="s">
        <v>154</v>
      </c>
    </row>
    <row r="13" spans="1:14" ht="135">
      <c r="A13" s="296" t="s">
        <v>462</v>
      </c>
    </row>
    <row r="14" spans="1:14">
      <c r="A14" s="220"/>
    </row>
    <row r="15" spans="1:14">
      <c r="A15" s="298" t="s">
        <v>2</v>
      </c>
    </row>
    <row r="16" spans="1:14" ht="45">
      <c r="A16" s="299" t="s">
        <v>155</v>
      </c>
    </row>
  </sheetData>
  <mergeCells count="2">
    <mergeCell ref="F1:N1"/>
    <mergeCell ref="F2:N2"/>
  </mergeCells>
  <pageMargins left="0.7" right="0.7" top="0.75" bottom="0.75" header="0.3" footer="0.3"/>
  <pageSetup paperSize="9" orientation="portrait" r:id="rId1"/>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200-000000000000}">
  <dimension ref="A1:N69"/>
  <sheetViews>
    <sheetView workbookViewId="0"/>
  </sheetViews>
  <sheetFormatPr defaultColWidth="8.85546875" defaultRowHeight="15"/>
  <cols>
    <col min="1" max="1" width="135.85546875" style="307" customWidth="1"/>
    <col min="2" max="7" width="8.85546875" style="2"/>
    <col min="8" max="8" width="19.42578125" style="2" customWidth="1"/>
    <col min="9" max="10" width="8.85546875" style="2"/>
    <col min="11" max="11" width="9.140625" style="2" customWidth="1"/>
    <col min="12" max="16384" width="8.85546875" style="2"/>
  </cols>
  <sheetData>
    <row r="1" spans="1:14" ht="23.25">
      <c r="A1" s="295" t="s">
        <v>554</v>
      </c>
      <c r="B1" s="8"/>
      <c r="C1" s="8"/>
      <c r="D1" s="8"/>
      <c r="E1" s="8"/>
      <c r="F1" s="8"/>
      <c r="G1" s="8"/>
      <c r="N1" s="7"/>
    </row>
    <row r="2" spans="1:14" ht="75">
      <c r="A2" s="304" t="s">
        <v>618</v>
      </c>
      <c r="B2" s="6"/>
      <c r="C2" s="6"/>
      <c r="D2" s="6"/>
    </row>
    <row r="3" spans="1:14" s="16" customFormat="1">
      <c r="A3" s="296"/>
      <c r="B3" s="12"/>
      <c r="C3" s="12"/>
      <c r="D3" s="12"/>
    </row>
    <row r="4" spans="1:14" s="221" customFormat="1">
      <c r="A4" s="297" t="s">
        <v>350</v>
      </c>
      <c r="B4" s="12"/>
      <c r="C4" s="12"/>
      <c r="D4" s="12"/>
    </row>
    <row r="5" spans="1:14" s="221" customFormat="1" ht="30">
      <c r="A5" s="296" t="s">
        <v>559</v>
      </c>
      <c r="B5" s="12"/>
      <c r="C5" s="12"/>
      <c r="D5" s="12"/>
    </row>
    <row r="6" spans="1:14" s="221" customFormat="1">
      <c r="A6" s="296"/>
      <c r="B6" s="12"/>
      <c r="C6" s="12"/>
      <c r="D6" s="12"/>
    </row>
    <row r="7" spans="1:14" s="17" customFormat="1">
      <c r="A7" s="298" t="s">
        <v>351</v>
      </c>
      <c r="B7" s="12"/>
      <c r="C7" s="12"/>
      <c r="D7" s="12"/>
    </row>
    <row r="8" spans="1:14" s="17" customFormat="1" ht="30">
      <c r="A8" s="301" t="s">
        <v>560</v>
      </c>
      <c r="B8" s="12"/>
      <c r="C8" s="12"/>
      <c r="D8" s="12"/>
    </row>
    <row r="9" spans="1:14" s="221" customFormat="1">
      <c r="A9" s="301"/>
      <c r="B9" s="12"/>
      <c r="C9" s="12"/>
      <c r="D9" s="12"/>
    </row>
    <row r="10" spans="1:14" s="221" customFormat="1">
      <c r="A10" s="302" t="s">
        <v>352</v>
      </c>
      <c r="B10" s="12"/>
      <c r="C10" s="12"/>
      <c r="D10" s="12"/>
    </row>
    <row r="11" spans="1:14" s="221" customFormat="1" ht="30">
      <c r="A11" s="301" t="s">
        <v>613</v>
      </c>
      <c r="B11" s="12"/>
      <c r="C11" s="12"/>
      <c r="D11" s="12"/>
    </row>
    <row r="12" spans="1:14" s="221" customFormat="1">
      <c r="A12" s="301"/>
      <c r="B12" s="12"/>
      <c r="C12" s="12"/>
      <c r="D12" s="12"/>
    </row>
    <row r="13" spans="1:14" s="221" customFormat="1">
      <c r="A13" s="302" t="s">
        <v>360</v>
      </c>
      <c r="B13" s="12"/>
      <c r="C13" s="12"/>
      <c r="D13" s="12"/>
    </row>
    <row r="14" spans="1:14" s="221" customFormat="1" ht="30">
      <c r="A14" s="301" t="s">
        <v>614</v>
      </c>
      <c r="B14" s="12"/>
      <c r="C14" s="12"/>
      <c r="D14" s="12"/>
    </row>
    <row r="15" spans="1:14" s="17" customFormat="1">
      <c r="A15" s="296"/>
      <c r="B15" s="12"/>
      <c r="C15" s="12"/>
      <c r="D15" s="12"/>
    </row>
    <row r="16" spans="1:14">
      <c r="A16" s="298" t="s">
        <v>359</v>
      </c>
    </row>
    <row r="17" spans="1:1" ht="34.5" customHeight="1">
      <c r="A17" s="301" t="s">
        <v>615</v>
      </c>
    </row>
    <row r="18" spans="1:1" s="16" customFormat="1">
      <c r="A18" s="306"/>
    </row>
    <row r="19" spans="1:1">
      <c r="A19" s="303" t="s">
        <v>536</v>
      </c>
    </row>
    <row r="20" spans="1:1" ht="45">
      <c r="A20" s="304" t="s">
        <v>561</v>
      </c>
    </row>
    <row r="21" spans="1:1">
      <c r="A21" s="299"/>
    </row>
    <row r="22" spans="1:1" s="221" customFormat="1">
      <c r="A22" s="303" t="s">
        <v>537</v>
      </c>
    </row>
    <row r="23" spans="1:1" s="221" customFormat="1" ht="30">
      <c r="A23" s="304" t="s">
        <v>562</v>
      </c>
    </row>
    <row r="24" spans="1:1" s="221" customFormat="1">
      <c r="A24" s="299"/>
    </row>
    <row r="25" spans="1:1" s="18" customFormat="1">
      <c r="A25" s="298" t="s">
        <v>538</v>
      </c>
    </row>
    <row r="26" spans="1:1" s="18" customFormat="1" ht="30">
      <c r="A26" s="304" t="s">
        <v>563</v>
      </c>
    </row>
    <row r="27" spans="1:1" s="18" customFormat="1">
      <c r="A27" s="299"/>
    </row>
    <row r="28" spans="1:1" s="18" customFormat="1">
      <c r="A28" s="298" t="s">
        <v>539</v>
      </c>
    </row>
    <row r="29" spans="1:1" s="18" customFormat="1" ht="60">
      <c r="A29" s="304" t="s">
        <v>564</v>
      </c>
    </row>
    <row r="30" spans="1:1">
      <c r="A30" s="299"/>
    </row>
    <row r="31" spans="1:1">
      <c r="A31" s="298" t="s">
        <v>540</v>
      </c>
    </row>
    <row r="32" spans="1:1" ht="45">
      <c r="A32" s="304" t="s">
        <v>552</v>
      </c>
    </row>
    <row r="33" spans="1:1" s="221" customFormat="1">
      <c r="A33" s="304"/>
    </row>
    <row r="34" spans="1:1">
      <c r="A34" s="298" t="s">
        <v>541</v>
      </c>
    </row>
    <row r="35" spans="1:1" ht="30">
      <c r="A35" s="304" t="s">
        <v>565</v>
      </c>
    </row>
    <row r="36" spans="1:1">
      <c r="A36" s="304"/>
    </row>
    <row r="37" spans="1:1">
      <c r="A37" s="298" t="s">
        <v>542</v>
      </c>
    </row>
    <row r="38" spans="1:1" ht="30">
      <c r="A38" s="304" t="s">
        <v>566</v>
      </c>
    </row>
    <row r="39" spans="1:1">
      <c r="A39" s="304"/>
    </row>
    <row r="40" spans="1:1">
      <c r="A40" s="298" t="s">
        <v>543</v>
      </c>
    </row>
    <row r="41" spans="1:1" ht="45">
      <c r="A41" s="304" t="s">
        <v>567</v>
      </c>
    </row>
    <row r="42" spans="1:1" s="221" customFormat="1">
      <c r="A42" s="304"/>
    </row>
    <row r="43" spans="1:1" s="221" customFormat="1">
      <c r="A43" s="298" t="s">
        <v>616</v>
      </c>
    </row>
    <row r="44" spans="1:1" s="221" customFormat="1" ht="45">
      <c r="A44" s="304" t="s">
        <v>617</v>
      </c>
    </row>
    <row r="45" spans="1:1" s="221" customFormat="1">
      <c r="A45" s="304"/>
    </row>
    <row r="46" spans="1:1" s="221" customFormat="1">
      <c r="A46" s="298" t="s">
        <v>544</v>
      </c>
    </row>
    <row r="47" spans="1:1" s="221" customFormat="1" ht="30">
      <c r="A47" s="304" t="s">
        <v>568</v>
      </c>
    </row>
    <row r="48" spans="1:1" s="305" customFormat="1">
      <c r="A48" s="304"/>
    </row>
    <row r="49" spans="1:1" s="305" customFormat="1">
      <c r="A49" s="298" t="s">
        <v>545</v>
      </c>
    </row>
    <row r="50" spans="1:1" s="305" customFormat="1" ht="45">
      <c r="A50" s="304" t="s">
        <v>569</v>
      </c>
    </row>
    <row r="51" spans="1:1" s="221" customFormat="1">
      <c r="A51" s="299"/>
    </row>
    <row r="52" spans="1:1" s="221" customFormat="1">
      <c r="A52" s="298" t="s">
        <v>546</v>
      </c>
    </row>
    <row r="53" spans="1:1" s="221" customFormat="1" ht="45">
      <c r="A53" s="304" t="s">
        <v>570</v>
      </c>
    </row>
    <row r="54" spans="1:1" s="221" customFormat="1">
      <c r="A54" s="304"/>
    </row>
    <row r="55" spans="1:1" s="221" customFormat="1">
      <c r="A55" s="298" t="s">
        <v>547</v>
      </c>
    </row>
    <row r="56" spans="1:1" s="221" customFormat="1" ht="30">
      <c r="A56" s="304" t="s">
        <v>572</v>
      </c>
    </row>
    <row r="57" spans="1:1" s="221" customFormat="1">
      <c r="A57" s="304"/>
    </row>
    <row r="58" spans="1:1" s="221" customFormat="1">
      <c r="A58" s="298" t="s">
        <v>548</v>
      </c>
    </row>
    <row r="59" spans="1:1" s="221" customFormat="1" ht="30">
      <c r="A59" s="304" t="s">
        <v>571</v>
      </c>
    </row>
    <row r="60" spans="1:1" s="221" customFormat="1">
      <c r="A60" s="304"/>
    </row>
    <row r="61" spans="1:1" s="221" customFormat="1">
      <c r="A61" s="298" t="s">
        <v>549</v>
      </c>
    </row>
    <row r="62" spans="1:1" s="221" customFormat="1" ht="30">
      <c r="A62" s="304" t="s">
        <v>553</v>
      </c>
    </row>
    <row r="63" spans="1:1" s="221" customFormat="1">
      <c r="A63" s="304"/>
    </row>
    <row r="64" spans="1:1" s="221" customFormat="1">
      <c r="A64" s="298" t="s">
        <v>550</v>
      </c>
    </row>
    <row r="65" spans="1:1" s="221" customFormat="1" ht="45">
      <c r="A65" s="304" t="s">
        <v>573</v>
      </c>
    </row>
    <row r="66" spans="1:1" s="221" customFormat="1">
      <c r="A66" s="304"/>
    </row>
    <row r="67" spans="1:1" s="221" customFormat="1">
      <c r="A67" s="298" t="s">
        <v>551</v>
      </c>
    </row>
    <row r="68" spans="1:1" s="221" customFormat="1" ht="30">
      <c r="A68" s="304" t="s">
        <v>574</v>
      </c>
    </row>
    <row r="69" spans="1:1" s="221" customFormat="1">
      <c r="A69" s="304"/>
    </row>
  </sheetData>
  <pageMargins left="0.7" right="0.7" top="0.75" bottom="0.75" header="0.3" footer="0.3"/>
  <pageSetup paperSize="9" orientation="portrait" r:id="rId1"/>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300-000000000000}">
  <dimension ref="A1:I181"/>
  <sheetViews>
    <sheetView zoomScaleNormal="100" workbookViewId="0">
      <selection sqref="A1:D1"/>
    </sheetView>
  </sheetViews>
  <sheetFormatPr defaultColWidth="8.85546875" defaultRowHeight="15"/>
  <cols>
    <col min="1" max="1" width="8.85546875" style="14"/>
    <col min="2" max="2" width="35.7109375" style="221" customWidth="1"/>
    <col min="3" max="3" width="36.140625" style="221" customWidth="1"/>
    <col min="4" max="4" width="26.85546875" style="221" customWidth="1"/>
    <col min="5" max="5" width="8.85546875" style="221"/>
    <col min="6" max="6" width="23.42578125" style="221" customWidth="1"/>
    <col min="7" max="16384" width="8.85546875" style="221"/>
  </cols>
  <sheetData>
    <row r="1" spans="1:9" ht="21">
      <c r="A1" s="329" t="s">
        <v>0</v>
      </c>
      <c r="B1" s="329"/>
      <c r="C1" s="329"/>
      <c r="D1" s="329"/>
      <c r="E1" s="321"/>
      <c r="F1" s="321"/>
      <c r="G1" s="321"/>
      <c r="H1" s="321"/>
      <c r="I1" s="321"/>
    </row>
    <row r="2" spans="1:9" ht="21">
      <c r="A2" s="322"/>
      <c r="B2" s="322"/>
      <c r="C2" s="322"/>
      <c r="D2" s="322"/>
      <c r="E2" s="321"/>
      <c r="F2" s="321"/>
      <c r="G2" s="321"/>
      <c r="H2" s="321"/>
      <c r="I2" s="321"/>
    </row>
    <row r="3" spans="1:9" ht="21">
      <c r="A3" s="322" t="s">
        <v>5</v>
      </c>
      <c r="B3" s="322"/>
      <c r="C3" s="322"/>
      <c r="D3" s="322"/>
      <c r="E3" s="321"/>
      <c r="F3" s="321"/>
      <c r="G3" s="321"/>
      <c r="H3" s="321"/>
      <c r="I3" s="321"/>
    </row>
    <row r="4" spans="1:9" ht="21">
      <c r="A4" s="21"/>
      <c r="B4" s="321"/>
      <c r="C4" s="321"/>
      <c r="D4" s="321"/>
      <c r="E4" s="323"/>
      <c r="F4" s="321"/>
      <c r="G4" s="321"/>
      <c r="H4" s="321"/>
      <c r="I4" s="321"/>
    </row>
    <row r="5" spans="1:9" ht="18.75">
      <c r="A5" s="331" t="s">
        <v>59</v>
      </c>
      <c r="B5" s="331"/>
      <c r="C5" s="24"/>
      <c r="D5" s="321"/>
      <c r="E5" s="321"/>
      <c r="F5" s="321"/>
      <c r="G5" s="321"/>
      <c r="H5" s="321"/>
      <c r="I5" s="321"/>
    </row>
    <row r="6" spans="1:9" ht="18.75">
      <c r="A6" s="29"/>
      <c r="B6" s="24"/>
      <c r="C6" s="24"/>
      <c r="D6" s="321"/>
      <c r="E6" s="321"/>
      <c r="F6" s="321"/>
      <c r="G6" s="321"/>
      <c r="H6" s="321"/>
      <c r="I6" s="321"/>
    </row>
    <row r="7" spans="1:9" ht="18.75">
      <c r="A7" s="22">
        <v>1</v>
      </c>
      <c r="B7" s="228" t="s">
        <v>6</v>
      </c>
      <c r="C7" s="321"/>
      <c r="D7" s="321"/>
      <c r="E7" s="24"/>
      <c r="F7" s="24"/>
      <c r="G7" s="321"/>
      <c r="H7" s="321"/>
      <c r="I7" s="321"/>
    </row>
    <row r="8" spans="1:9">
      <c r="A8" s="22"/>
      <c r="B8" s="327" t="s">
        <v>8</v>
      </c>
      <c r="C8" s="327"/>
      <c r="D8" s="327"/>
      <c r="E8" s="327"/>
      <c r="F8" s="327"/>
      <c r="G8" s="321"/>
      <c r="H8" s="321"/>
      <c r="I8" s="321"/>
    </row>
    <row r="9" spans="1:9" ht="18.75">
      <c r="A9" s="29"/>
      <c r="B9" s="24"/>
      <c r="C9" s="24"/>
      <c r="D9" s="321"/>
      <c r="E9" s="321"/>
      <c r="F9" s="321"/>
      <c r="G9" s="321"/>
      <c r="H9" s="321"/>
      <c r="I9" s="321"/>
    </row>
    <row r="10" spans="1:9" ht="18.75">
      <c r="A10" s="22">
        <v>1</v>
      </c>
      <c r="B10" s="23" t="s">
        <v>7</v>
      </c>
      <c r="C10" s="321"/>
      <c r="D10" s="321"/>
      <c r="E10" s="24"/>
      <c r="F10" s="24"/>
      <c r="G10" s="321"/>
      <c r="H10" s="321"/>
      <c r="I10" s="321"/>
    </row>
    <row r="11" spans="1:9">
      <c r="A11" s="22"/>
      <c r="B11" s="327" t="s">
        <v>9</v>
      </c>
      <c r="C11" s="327"/>
      <c r="D11" s="327"/>
      <c r="E11" s="25"/>
      <c r="F11" s="25"/>
      <c r="G11" s="321"/>
      <c r="H11" s="321"/>
      <c r="I11" s="321"/>
    </row>
    <row r="12" spans="1:9" ht="18.75">
      <c r="A12" s="29"/>
      <c r="B12" s="24"/>
      <c r="C12" s="24"/>
      <c r="D12" s="321"/>
      <c r="E12" s="321"/>
      <c r="F12" s="321"/>
      <c r="G12" s="321"/>
      <c r="H12" s="321"/>
      <c r="I12" s="321"/>
    </row>
    <row r="13" spans="1:9" ht="18.75">
      <c r="A13" s="22">
        <v>1</v>
      </c>
      <c r="B13" s="23" t="s">
        <v>54</v>
      </c>
      <c r="C13" s="24"/>
      <c r="D13" s="321"/>
      <c r="E13" s="321"/>
      <c r="F13" s="321"/>
      <c r="G13" s="321"/>
      <c r="H13" s="321"/>
      <c r="I13" s="321"/>
    </row>
    <row r="14" spans="1:9" ht="18.75">
      <c r="A14" s="29"/>
      <c r="B14" s="321" t="s">
        <v>55</v>
      </c>
      <c r="C14" s="24"/>
      <c r="D14" s="321"/>
      <c r="E14" s="321"/>
      <c r="F14" s="321"/>
      <c r="G14" s="321"/>
      <c r="H14" s="321"/>
      <c r="I14" s="321"/>
    </row>
    <row r="15" spans="1:9" ht="18.75">
      <c r="A15" s="29"/>
      <c r="B15" s="321"/>
      <c r="C15" s="24"/>
      <c r="D15" s="321"/>
      <c r="E15" s="321"/>
      <c r="F15" s="321"/>
      <c r="G15" s="321"/>
      <c r="H15" s="321"/>
      <c r="I15" s="321"/>
    </row>
    <row r="16" spans="1:9" ht="18.75">
      <c r="A16" s="22">
        <v>1</v>
      </c>
      <c r="B16" s="23" t="s">
        <v>516</v>
      </c>
      <c r="C16" s="24"/>
      <c r="D16" s="321"/>
      <c r="E16" s="321"/>
      <c r="F16" s="321"/>
      <c r="G16" s="321"/>
      <c r="H16" s="321"/>
      <c r="I16" s="321"/>
    </row>
    <row r="17" spans="1:9" ht="18.75">
      <c r="A17" s="29"/>
      <c r="B17" s="321" t="s">
        <v>56</v>
      </c>
      <c r="C17" s="24"/>
      <c r="D17" s="321"/>
      <c r="E17" s="321"/>
      <c r="F17" s="321"/>
      <c r="G17" s="321"/>
      <c r="H17" s="321"/>
      <c r="I17" s="321"/>
    </row>
    <row r="18" spans="1:9" ht="18.75">
      <c r="A18" s="29"/>
      <c r="B18" s="321"/>
      <c r="C18" s="24"/>
      <c r="D18" s="321"/>
      <c r="E18" s="321"/>
      <c r="F18" s="321"/>
      <c r="G18" s="321"/>
      <c r="H18" s="321"/>
      <c r="I18" s="321"/>
    </row>
    <row r="19" spans="1:9" ht="18.75">
      <c r="A19" s="22">
        <v>1</v>
      </c>
      <c r="B19" s="23" t="s">
        <v>494</v>
      </c>
      <c r="C19" s="24"/>
      <c r="D19" s="321"/>
      <c r="E19" s="321"/>
      <c r="F19" s="321"/>
      <c r="G19" s="321"/>
      <c r="H19" s="321"/>
      <c r="I19" s="321"/>
    </row>
    <row r="20" spans="1:9" ht="18.75">
      <c r="A20" s="29"/>
      <c r="B20" s="321" t="s">
        <v>495</v>
      </c>
      <c r="C20" s="24"/>
      <c r="D20" s="321"/>
      <c r="E20" s="321"/>
      <c r="F20" s="321"/>
      <c r="G20" s="321"/>
      <c r="H20" s="321"/>
      <c r="I20" s="321"/>
    </row>
    <row r="21" spans="1:9" ht="18.75">
      <c r="A21" s="29"/>
      <c r="B21" s="321"/>
      <c r="C21" s="24"/>
      <c r="D21" s="321"/>
      <c r="E21" s="321"/>
      <c r="F21" s="321"/>
      <c r="G21" s="321"/>
      <c r="H21" s="321"/>
      <c r="I21" s="321"/>
    </row>
    <row r="22" spans="1:9" ht="18.75">
      <c r="A22" s="22">
        <v>1</v>
      </c>
      <c r="B22" s="23" t="s">
        <v>496</v>
      </c>
      <c r="C22" s="24"/>
      <c r="D22" s="321"/>
      <c r="E22" s="321"/>
      <c r="F22" s="321"/>
      <c r="G22" s="321"/>
      <c r="H22" s="321"/>
      <c r="I22" s="321"/>
    </row>
    <row r="23" spans="1:9" ht="18.75">
      <c r="A23" s="29"/>
      <c r="B23" s="321" t="s">
        <v>497</v>
      </c>
      <c r="C23" s="24"/>
      <c r="D23" s="321"/>
      <c r="E23" s="321"/>
      <c r="F23" s="321"/>
      <c r="G23" s="321"/>
      <c r="H23" s="321"/>
      <c r="I23" s="321"/>
    </row>
    <row r="24" spans="1:9" ht="18.75">
      <c r="A24" s="29"/>
      <c r="B24" s="321"/>
      <c r="C24" s="24"/>
      <c r="D24" s="321"/>
      <c r="E24" s="321"/>
      <c r="F24" s="321"/>
      <c r="G24" s="321"/>
      <c r="H24" s="321"/>
      <c r="I24" s="321"/>
    </row>
    <row r="25" spans="1:9" ht="18.75">
      <c r="A25" s="332" t="s">
        <v>60</v>
      </c>
      <c r="B25" s="332"/>
      <c r="C25" s="24"/>
      <c r="D25" s="321"/>
      <c r="E25" s="321"/>
      <c r="F25" s="321"/>
      <c r="G25" s="321"/>
      <c r="H25" s="321"/>
      <c r="I25" s="321"/>
    </row>
    <row r="26" spans="1:9" ht="18.75">
      <c r="A26" s="29"/>
      <c r="B26" s="321"/>
      <c r="C26" s="24"/>
      <c r="D26" s="321"/>
      <c r="E26" s="321"/>
      <c r="F26" s="321"/>
      <c r="G26" s="321"/>
      <c r="H26" s="321"/>
      <c r="I26" s="321"/>
    </row>
    <row r="27" spans="1:9" s="15" customFormat="1" ht="18.75">
      <c r="A27" s="22">
        <v>2</v>
      </c>
      <c r="B27" s="23" t="s">
        <v>498</v>
      </c>
      <c r="C27" s="321"/>
      <c r="D27" s="321"/>
      <c r="E27" s="24"/>
      <c r="F27" s="24"/>
      <c r="G27" s="24"/>
      <c r="H27" s="24"/>
      <c r="I27" s="24"/>
    </row>
    <row r="28" spans="1:9">
      <c r="A28" s="22"/>
      <c r="B28" s="326" t="s">
        <v>500</v>
      </c>
      <c r="C28" s="327"/>
      <c r="D28" s="327"/>
      <c r="E28" s="327"/>
      <c r="F28" s="327"/>
      <c r="G28" s="327"/>
      <c r="H28" s="321"/>
      <c r="I28" s="321"/>
    </row>
    <row r="29" spans="1:9">
      <c r="A29" s="22"/>
      <c r="B29" s="321"/>
      <c r="C29" s="321"/>
      <c r="D29" s="321"/>
      <c r="E29" s="321"/>
      <c r="F29" s="321"/>
      <c r="G29" s="321"/>
      <c r="H29" s="321"/>
      <c r="I29" s="321"/>
    </row>
    <row r="30" spans="1:9" s="15" customFormat="1" ht="18.75">
      <c r="A30" s="22">
        <v>2</v>
      </c>
      <c r="B30" s="23" t="s">
        <v>499</v>
      </c>
      <c r="C30" s="321"/>
      <c r="D30" s="321"/>
      <c r="E30" s="24"/>
      <c r="F30" s="24"/>
      <c r="G30" s="24"/>
      <c r="H30" s="24"/>
      <c r="I30" s="24"/>
    </row>
    <row r="31" spans="1:9">
      <c r="A31" s="22"/>
      <c r="B31" s="326" t="s">
        <v>57</v>
      </c>
      <c r="C31" s="327"/>
      <c r="D31" s="327"/>
      <c r="E31" s="327"/>
      <c r="F31" s="327"/>
      <c r="G31" s="327"/>
      <c r="H31" s="321"/>
      <c r="I31" s="321"/>
    </row>
    <row r="32" spans="1:9">
      <c r="A32" s="22"/>
      <c r="B32" s="321"/>
      <c r="C32" s="321"/>
      <c r="D32" s="321"/>
      <c r="E32" s="321"/>
      <c r="F32" s="321"/>
      <c r="G32" s="321"/>
      <c r="H32" s="321"/>
      <c r="I32" s="321"/>
    </row>
    <row r="33" spans="1:9">
      <c r="A33" s="22">
        <v>2</v>
      </c>
      <c r="B33" s="23" t="s">
        <v>339</v>
      </c>
      <c r="C33" s="321"/>
      <c r="D33" s="321"/>
      <c r="E33" s="321"/>
      <c r="F33" s="321"/>
      <c r="G33" s="321"/>
      <c r="H33" s="321"/>
      <c r="I33" s="321"/>
    </row>
    <row r="34" spans="1:9">
      <c r="A34" s="22"/>
      <c r="B34" s="321" t="s">
        <v>58</v>
      </c>
      <c r="C34" s="321"/>
      <c r="D34" s="321"/>
      <c r="E34" s="321"/>
      <c r="F34" s="321"/>
      <c r="G34" s="321"/>
      <c r="H34" s="321"/>
      <c r="I34" s="321"/>
    </row>
    <row r="35" spans="1:9">
      <c r="A35" s="22"/>
      <c r="B35" s="321"/>
      <c r="C35" s="321"/>
      <c r="D35" s="321"/>
      <c r="E35" s="321"/>
      <c r="F35" s="321"/>
      <c r="G35" s="321"/>
      <c r="H35" s="321"/>
      <c r="I35" s="321"/>
    </row>
    <row r="36" spans="1:9">
      <c r="A36" s="22">
        <v>2</v>
      </c>
      <c r="B36" s="23" t="s">
        <v>227</v>
      </c>
      <c r="C36" s="321"/>
      <c r="D36" s="321"/>
      <c r="E36" s="321"/>
      <c r="F36" s="321"/>
      <c r="G36" s="321"/>
      <c r="H36" s="321"/>
      <c r="I36" s="321"/>
    </row>
    <row r="37" spans="1:9">
      <c r="A37" s="22"/>
      <c r="B37" s="321" t="s">
        <v>463</v>
      </c>
      <c r="C37" s="321"/>
      <c r="D37" s="321"/>
      <c r="E37" s="321"/>
      <c r="F37" s="321"/>
      <c r="G37" s="321"/>
      <c r="H37" s="321"/>
      <c r="I37" s="321"/>
    </row>
    <row r="38" spans="1:9">
      <c r="A38" s="22"/>
      <c r="B38" s="321"/>
      <c r="C38" s="321"/>
      <c r="D38" s="321"/>
      <c r="E38" s="321"/>
      <c r="F38" s="321"/>
      <c r="G38" s="321"/>
      <c r="H38" s="321"/>
      <c r="I38" s="321"/>
    </row>
    <row r="39" spans="1:9">
      <c r="A39" s="22">
        <v>2</v>
      </c>
      <c r="B39" s="23" t="s">
        <v>501</v>
      </c>
      <c r="C39" s="321"/>
      <c r="D39" s="321"/>
      <c r="E39" s="321"/>
      <c r="F39" s="321"/>
      <c r="G39" s="321"/>
      <c r="H39" s="321"/>
      <c r="I39" s="321"/>
    </row>
    <row r="40" spans="1:9">
      <c r="A40" s="22"/>
      <c r="B40" s="321" t="s">
        <v>502</v>
      </c>
      <c r="C40" s="321"/>
      <c r="D40" s="321"/>
      <c r="E40" s="321"/>
      <c r="F40" s="321"/>
      <c r="G40" s="321"/>
      <c r="H40" s="321"/>
      <c r="I40" s="321"/>
    </row>
    <row r="41" spans="1:9">
      <c r="A41" s="22"/>
      <c r="B41" s="321"/>
      <c r="C41" s="321"/>
      <c r="D41" s="321"/>
      <c r="E41" s="321"/>
      <c r="F41" s="321"/>
      <c r="G41" s="321"/>
      <c r="H41" s="321"/>
      <c r="I41" s="321"/>
    </row>
    <row r="42" spans="1:9" s="15" customFormat="1" ht="18.75">
      <c r="A42" s="330" t="s">
        <v>18</v>
      </c>
      <c r="B42" s="330"/>
      <c r="C42" s="330"/>
      <c r="D42" s="24"/>
      <c r="E42" s="24"/>
      <c r="F42" s="24"/>
      <c r="G42" s="24"/>
      <c r="H42" s="24"/>
      <c r="I42" s="24"/>
    </row>
    <row r="43" spans="1:9" s="15" customFormat="1" ht="18.75">
      <c r="A43" s="29"/>
      <c r="B43" s="29"/>
      <c r="C43" s="29"/>
      <c r="D43" s="24"/>
      <c r="E43" s="24"/>
      <c r="F43" s="24"/>
      <c r="G43" s="24"/>
      <c r="H43" s="24"/>
      <c r="I43" s="24"/>
    </row>
    <row r="44" spans="1:9" s="15" customFormat="1" ht="18.75">
      <c r="A44" s="332" t="s">
        <v>41</v>
      </c>
      <c r="B44" s="332"/>
      <c r="C44" s="29"/>
      <c r="D44" s="24"/>
      <c r="E44" s="24"/>
      <c r="F44" s="24"/>
      <c r="G44" s="24"/>
      <c r="H44" s="24"/>
      <c r="I44" s="24"/>
    </row>
    <row r="45" spans="1:9" s="15" customFormat="1" ht="18.75">
      <c r="A45" s="29"/>
      <c r="B45" s="29"/>
      <c r="C45" s="29"/>
      <c r="D45" s="24"/>
      <c r="E45" s="24"/>
      <c r="F45" s="24"/>
      <c r="G45" s="24"/>
      <c r="H45" s="24"/>
      <c r="I45" s="24"/>
    </row>
    <row r="46" spans="1:9">
      <c r="A46" s="22">
        <v>3</v>
      </c>
      <c r="B46" s="229" t="s">
        <v>1</v>
      </c>
      <c r="C46" s="321"/>
      <c r="D46" s="321"/>
      <c r="E46" s="321"/>
      <c r="F46" s="321"/>
      <c r="G46" s="321"/>
      <c r="H46" s="321"/>
      <c r="I46" s="321"/>
    </row>
    <row r="47" spans="1:9">
      <c r="A47" s="21"/>
      <c r="B47" s="326" t="s">
        <v>20</v>
      </c>
      <c r="C47" s="327"/>
      <c r="D47" s="327"/>
      <c r="E47" s="327"/>
      <c r="F47" s="23"/>
      <c r="G47" s="321"/>
      <c r="H47" s="321"/>
      <c r="I47" s="321"/>
    </row>
    <row r="48" spans="1:9">
      <c r="A48" s="21"/>
      <c r="B48" s="320"/>
      <c r="C48" s="321"/>
      <c r="D48" s="321"/>
      <c r="E48" s="321"/>
      <c r="F48" s="23"/>
      <c r="G48" s="321"/>
      <c r="H48" s="321"/>
      <c r="I48" s="321"/>
    </row>
    <row r="49" spans="1:9">
      <c r="A49" s="21">
        <v>3</v>
      </c>
      <c r="B49" s="27" t="s">
        <v>34</v>
      </c>
      <c r="C49" s="321"/>
      <c r="D49" s="321"/>
      <c r="E49" s="321"/>
      <c r="F49" s="23"/>
      <c r="G49" s="321"/>
      <c r="H49" s="321"/>
      <c r="I49" s="321"/>
    </row>
    <row r="50" spans="1:9">
      <c r="A50" s="21"/>
      <c r="B50" s="320" t="s">
        <v>517</v>
      </c>
      <c r="C50" s="321"/>
      <c r="D50" s="321"/>
      <c r="E50" s="321"/>
      <c r="F50" s="23"/>
      <c r="G50" s="321"/>
      <c r="H50" s="321"/>
      <c r="I50" s="321"/>
    </row>
    <row r="51" spans="1:9">
      <c r="A51" s="21"/>
      <c r="B51" s="320"/>
      <c r="C51" s="321"/>
      <c r="D51" s="321"/>
      <c r="E51" s="321"/>
      <c r="F51" s="23"/>
      <c r="G51" s="321"/>
      <c r="H51" s="321"/>
      <c r="I51" s="321"/>
    </row>
    <row r="52" spans="1:9">
      <c r="A52" s="21">
        <v>3</v>
      </c>
      <c r="B52" s="27" t="s">
        <v>35</v>
      </c>
      <c r="C52" s="321"/>
      <c r="D52" s="321"/>
      <c r="E52" s="321"/>
      <c r="F52" s="23"/>
      <c r="G52" s="321"/>
      <c r="H52" s="321"/>
      <c r="I52" s="321"/>
    </row>
    <row r="53" spans="1:9">
      <c r="A53" s="21"/>
      <c r="B53" s="320" t="s">
        <v>518</v>
      </c>
      <c r="C53" s="321"/>
      <c r="D53" s="321"/>
      <c r="E53" s="321"/>
      <c r="F53" s="23"/>
      <c r="G53" s="321"/>
      <c r="H53" s="321"/>
      <c r="I53" s="321"/>
    </row>
    <row r="54" spans="1:9">
      <c r="A54" s="21"/>
      <c r="B54" s="320"/>
      <c r="C54" s="321"/>
      <c r="D54" s="321"/>
      <c r="E54" s="321"/>
      <c r="F54" s="23"/>
      <c r="G54" s="321"/>
      <c r="H54" s="321"/>
      <c r="I54" s="321"/>
    </row>
    <row r="55" spans="1:9">
      <c r="A55" s="22">
        <v>3</v>
      </c>
      <c r="B55" s="27" t="s">
        <v>10</v>
      </c>
      <c r="C55" s="321"/>
      <c r="D55" s="321"/>
      <c r="E55" s="321"/>
      <c r="F55" s="321"/>
      <c r="G55" s="321"/>
      <c r="H55" s="321"/>
      <c r="I55" s="321"/>
    </row>
    <row r="56" spans="1:9">
      <c r="A56" s="21"/>
      <c r="B56" s="326" t="s">
        <v>21</v>
      </c>
      <c r="C56" s="327"/>
      <c r="D56" s="321"/>
      <c r="E56" s="321"/>
      <c r="F56" s="321"/>
      <c r="G56" s="321"/>
      <c r="H56" s="321"/>
      <c r="I56" s="321"/>
    </row>
    <row r="57" spans="1:9">
      <c r="A57" s="21"/>
      <c r="B57" s="320"/>
      <c r="C57" s="321"/>
      <c r="D57" s="321"/>
      <c r="E57" s="321"/>
      <c r="F57" s="321"/>
      <c r="G57" s="321"/>
      <c r="H57" s="321"/>
      <c r="I57" s="321"/>
    </row>
    <row r="58" spans="1:9">
      <c r="A58" s="21">
        <v>3</v>
      </c>
      <c r="B58" s="27" t="s">
        <v>36</v>
      </c>
      <c r="C58" s="321"/>
      <c r="D58" s="321"/>
      <c r="E58" s="321"/>
      <c r="F58" s="321"/>
      <c r="G58" s="321"/>
      <c r="H58" s="321"/>
      <c r="I58" s="321"/>
    </row>
    <row r="59" spans="1:9">
      <c r="A59" s="21"/>
      <c r="B59" s="320" t="s">
        <v>519</v>
      </c>
      <c r="C59" s="321"/>
      <c r="D59" s="321"/>
      <c r="E59" s="321"/>
      <c r="F59" s="321"/>
      <c r="G59" s="321"/>
      <c r="H59" s="321"/>
      <c r="I59" s="321"/>
    </row>
    <row r="60" spans="1:9" ht="21">
      <c r="A60" s="26"/>
      <c r="B60" s="321"/>
      <c r="C60" s="321"/>
      <c r="D60" s="321"/>
      <c r="E60" s="321"/>
      <c r="F60" s="321"/>
      <c r="G60" s="321"/>
      <c r="H60" s="321"/>
      <c r="I60" s="321"/>
    </row>
    <row r="61" spans="1:9" s="15" customFormat="1" ht="18.75">
      <c r="A61" s="332" t="s">
        <v>40</v>
      </c>
      <c r="B61" s="332"/>
      <c r="C61" s="29"/>
      <c r="D61" s="24"/>
      <c r="E61" s="24"/>
      <c r="F61" s="24"/>
      <c r="G61" s="24"/>
      <c r="H61" s="24"/>
      <c r="I61" s="24"/>
    </row>
    <row r="62" spans="1:9" s="15" customFormat="1" ht="18.75">
      <c r="A62" s="29"/>
      <c r="B62" s="29"/>
      <c r="C62" s="29"/>
      <c r="D62" s="24"/>
      <c r="E62" s="24"/>
      <c r="F62" s="24"/>
      <c r="G62" s="24"/>
      <c r="H62" s="24"/>
      <c r="I62" s="24"/>
    </row>
    <row r="63" spans="1:9">
      <c r="A63" s="22">
        <v>4</v>
      </c>
      <c r="B63" s="228" t="s">
        <v>3</v>
      </c>
      <c r="C63" s="321"/>
      <c r="D63" s="321"/>
      <c r="E63" s="321"/>
      <c r="F63" s="321"/>
      <c r="G63" s="321"/>
      <c r="H63" s="321"/>
      <c r="I63" s="321"/>
    </row>
    <row r="64" spans="1:9">
      <c r="A64" s="21"/>
      <c r="B64" s="326" t="s">
        <v>19</v>
      </c>
      <c r="C64" s="327"/>
      <c r="D64" s="327"/>
      <c r="E64" s="321"/>
      <c r="F64" s="321"/>
      <c r="G64" s="321"/>
      <c r="H64" s="321"/>
      <c r="I64" s="321"/>
    </row>
    <row r="65" spans="1:9">
      <c r="A65" s="21"/>
      <c r="B65" s="326" t="s">
        <v>31</v>
      </c>
      <c r="C65" s="327"/>
      <c r="D65" s="327"/>
      <c r="E65" s="321"/>
      <c r="F65" s="321"/>
      <c r="G65" s="321"/>
      <c r="H65" s="321"/>
      <c r="I65" s="321"/>
    </row>
    <row r="66" spans="1:9" ht="21">
      <c r="A66" s="26"/>
      <c r="B66" s="321"/>
      <c r="C66" s="321"/>
      <c r="D66" s="321"/>
      <c r="E66" s="321"/>
      <c r="F66" s="321"/>
      <c r="G66" s="321"/>
      <c r="H66" s="321"/>
      <c r="I66" s="321"/>
    </row>
    <row r="67" spans="1:9">
      <c r="A67" s="22">
        <v>4</v>
      </c>
      <c r="B67" s="27" t="s">
        <v>205</v>
      </c>
      <c r="C67" s="321"/>
      <c r="D67" s="321"/>
      <c r="E67" s="321"/>
      <c r="F67" s="321"/>
      <c r="G67" s="321"/>
      <c r="H67" s="321"/>
      <c r="I67" s="321"/>
    </row>
    <row r="68" spans="1:9">
      <c r="A68" s="21"/>
      <c r="B68" s="326" t="s">
        <v>215</v>
      </c>
      <c r="C68" s="327"/>
      <c r="D68" s="321"/>
      <c r="E68" s="321"/>
      <c r="F68" s="321"/>
      <c r="G68" s="321"/>
      <c r="H68" s="321"/>
      <c r="I68" s="321"/>
    </row>
    <row r="69" spans="1:9">
      <c r="A69" s="21"/>
      <c r="B69" s="326" t="s">
        <v>216</v>
      </c>
      <c r="C69" s="327"/>
      <c r="D69" s="327"/>
      <c r="E69" s="327"/>
      <c r="F69" s="321"/>
      <c r="G69" s="321"/>
      <c r="H69" s="321"/>
      <c r="I69" s="321"/>
    </row>
    <row r="70" spans="1:9" ht="21">
      <c r="A70" s="26"/>
      <c r="B70" s="321"/>
      <c r="C70" s="321"/>
      <c r="D70" s="321"/>
      <c r="E70" s="321"/>
      <c r="F70" s="321"/>
      <c r="G70" s="321"/>
      <c r="H70" s="321"/>
      <c r="I70" s="321"/>
    </row>
    <row r="71" spans="1:9">
      <c r="A71" s="22">
        <v>4</v>
      </c>
      <c r="B71" s="27" t="s">
        <v>37</v>
      </c>
      <c r="C71" s="321"/>
      <c r="D71" s="321"/>
      <c r="E71" s="321"/>
      <c r="F71" s="321"/>
      <c r="G71" s="321"/>
      <c r="H71" s="321"/>
      <c r="I71" s="321"/>
    </row>
    <row r="72" spans="1:9">
      <c r="A72" s="21"/>
      <c r="B72" s="326" t="s">
        <v>61</v>
      </c>
      <c r="C72" s="327"/>
      <c r="D72" s="327"/>
      <c r="E72" s="327"/>
      <c r="F72" s="23"/>
      <c r="G72" s="321"/>
      <c r="H72" s="321"/>
      <c r="I72" s="321"/>
    </row>
    <row r="73" spans="1:9">
      <c r="A73" s="21"/>
      <c r="B73" s="326"/>
      <c r="C73" s="327"/>
      <c r="D73" s="327"/>
      <c r="E73" s="327"/>
      <c r="F73" s="321"/>
      <c r="G73" s="23"/>
      <c r="H73" s="321"/>
      <c r="I73" s="321"/>
    </row>
    <row r="74" spans="1:9">
      <c r="A74" s="21">
        <v>4</v>
      </c>
      <c r="B74" s="27" t="s">
        <v>38</v>
      </c>
      <c r="C74" s="321"/>
      <c r="D74" s="321"/>
      <c r="E74" s="321"/>
      <c r="F74" s="321"/>
      <c r="G74" s="23"/>
      <c r="H74" s="321"/>
      <c r="I74" s="321"/>
    </row>
    <row r="75" spans="1:9">
      <c r="A75" s="21"/>
      <c r="B75" s="320" t="s">
        <v>520</v>
      </c>
      <c r="C75" s="321"/>
      <c r="D75" s="321"/>
      <c r="E75" s="321"/>
      <c r="F75" s="321"/>
      <c r="G75" s="23"/>
      <c r="H75" s="321"/>
      <c r="I75" s="321"/>
    </row>
    <row r="76" spans="1:9">
      <c r="A76" s="21"/>
      <c r="B76" s="320"/>
      <c r="C76" s="321"/>
      <c r="D76" s="321"/>
      <c r="E76" s="321"/>
      <c r="F76" s="321"/>
      <c r="G76" s="23"/>
      <c r="H76" s="321"/>
      <c r="I76" s="321"/>
    </row>
    <row r="77" spans="1:9">
      <c r="A77" s="22">
        <v>4</v>
      </c>
      <c r="B77" s="27" t="s">
        <v>4</v>
      </c>
      <c r="C77" s="321"/>
      <c r="D77" s="321"/>
      <c r="E77" s="321"/>
      <c r="F77" s="321"/>
      <c r="G77" s="321"/>
      <c r="H77" s="321"/>
      <c r="I77" s="321"/>
    </row>
    <row r="78" spans="1:9">
      <c r="A78" s="21"/>
      <c r="B78" s="326" t="s">
        <v>22</v>
      </c>
      <c r="C78" s="327"/>
      <c r="D78" s="327"/>
      <c r="E78" s="321"/>
      <c r="F78" s="321"/>
      <c r="G78" s="321"/>
      <c r="H78" s="321"/>
      <c r="I78" s="321"/>
    </row>
    <row r="79" spans="1:9">
      <c r="A79" s="21"/>
      <c r="B79" s="320"/>
      <c r="C79" s="321"/>
      <c r="D79" s="321"/>
      <c r="E79" s="321"/>
      <c r="F79" s="321"/>
      <c r="G79" s="321"/>
      <c r="H79" s="321"/>
      <c r="I79" s="321"/>
    </row>
    <row r="80" spans="1:9">
      <c r="A80" s="22">
        <v>4</v>
      </c>
      <c r="B80" s="27" t="s">
        <v>503</v>
      </c>
      <c r="C80" s="321"/>
      <c r="D80" s="321"/>
      <c r="E80" s="321"/>
      <c r="F80" s="321"/>
      <c r="G80" s="321"/>
      <c r="H80" s="321"/>
      <c r="I80" s="321"/>
    </row>
    <row r="81" spans="1:9">
      <c r="A81" s="21"/>
      <c r="B81" s="326" t="s">
        <v>504</v>
      </c>
      <c r="C81" s="327"/>
      <c r="D81" s="327"/>
      <c r="E81" s="321"/>
      <c r="F81" s="321"/>
      <c r="G81" s="321"/>
      <c r="H81" s="321"/>
      <c r="I81" s="321"/>
    </row>
    <row r="82" spans="1:9">
      <c r="A82" s="21"/>
      <c r="B82" s="320"/>
      <c r="C82" s="321"/>
      <c r="D82" s="321"/>
      <c r="E82" s="321"/>
      <c r="F82" s="321"/>
      <c r="G82" s="321"/>
      <c r="H82" s="321"/>
      <c r="I82" s="321"/>
    </row>
    <row r="83" spans="1:9">
      <c r="A83" s="328" t="s">
        <v>62</v>
      </c>
      <c r="B83" s="328"/>
      <c r="C83" s="321"/>
      <c r="D83" s="321"/>
      <c r="E83" s="321"/>
      <c r="F83" s="321"/>
      <c r="G83" s="321"/>
      <c r="H83" s="321"/>
      <c r="I83" s="321"/>
    </row>
    <row r="84" spans="1:9">
      <c r="A84" s="21"/>
      <c r="B84" s="320"/>
      <c r="C84" s="321"/>
      <c r="D84" s="321"/>
      <c r="E84" s="321"/>
      <c r="F84" s="321"/>
      <c r="G84" s="321"/>
      <c r="H84" s="321"/>
      <c r="I84" s="321"/>
    </row>
    <row r="85" spans="1:9">
      <c r="A85" s="22">
        <v>5</v>
      </c>
      <c r="B85" s="229" t="s">
        <v>11</v>
      </c>
      <c r="C85" s="321"/>
      <c r="D85" s="321"/>
      <c r="E85" s="321"/>
      <c r="F85" s="321"/>
      <c r="G85" s="321"/>
      <c r="H85" s="321"/>
      <c r="I85" s="321"/>
    </row>
    <row r="86" spans="1:9">
      <c r="A86" s="21"/>
      <c r="B86" s="326" t="s">
        <v>23</v>
      </c>
      <c r="C86" s="327"/>
      <c r="D86" s="327"/>
      <c r="E86" s="321"/>
      <c r="F86" s="321"/>
      <c r="G86" s="321"/>
      <c r="H86" s="321"/>
      <c r="I86" s="321"/>
    </row>
    <row r="87" spans="1:9">
      <c r="A87" s="21"/>
      <c r="B87" s="320"/>
      <c r="C87" s="321"/>
      <c r="D87" s="321"/>
      <c r="E87" s="321"/>
      <c r="F87" s="321"/>
      <c r="G87" s="321"/>
      <c r="H87" s="321"/>
      <c r="I87" s="321"/>
    </row>
    <row r="88" spans="1:9">
      <c r="A88" s="21">
        <v>5</v>
      </c>
      <c r="B88" s="27" t="s">
        <v>42</v>
      </c>
      <c r="C88" s="321"/>
      <c r="D88" s="321"/>
      <c r="E88" s="321"/>
      <c r="F88" s="321"/>
      <c r="G88" s="321"/>
      <c r="H88" s="321"/>
      <c r="I88" s="321"/>
    </row>
    <row r="89" spans="1:9">
      <c r="A89" s="21"/>
      <c r="B89" s="320" t="s">
        <v>521</v>
      </c>
      <c r="C89" s="321"/>
      <c r="D89" s="321"/>
      <c r="E89" s="321"/>
      <c r="F89" s="321"/>
      <c r="G89" s="321"/>
      <c r="H89" s="321"/>
      <c r="I89" s="321"/>
    </row>
    <row r="90" spans="1:9">
      <c r="A90" s="21"/>
      <c r="B90" s="321"/>
      <c r="C90" s="321"/>
      <c r="D90" s="321"/>
      <c r="E90" s="321"/>
      <c r="F90" s="321"/>
      <c r="G90" s="321"/>
      <c r="H90" s="321"/>
      <c r="I90" s="321"/>
    </row>
    <row r="91" spans="1:9">
      <c r="A91" s="22">
        <v>5</v>
      </c>
      <c r="B91" s="27" t="s">
        <v>231</v>
      </c>
      <c r="C91" s="321"/>
      <c r="D91" s="321"/>
      <c r="E91" s="321"/>
      <c r="F91" s="321"/>
      <c r="G91" s="321"/>
      <c r="H91" s="321"/>
      <c r="I91" s="321"/>
    </row>
    <row r="92" spans="1:9">
      <c r="A92" s="21"/>
      <c r="B92" s="326" t="s">
        <v>63</v>
      </c>
      <c r="C92" s="327"/>
      <c r="D92" s="327"/>
      <c r="E92" s="321"/>
      <c r="F92" s="321"/>
      <c r="G92" s="321"/>
      <c r="H92" s="321"/>
      <c r="I92" s="321"/>
    </row>
    <row r="93" spans="1:9">
      <c r="A93" s="21"/>
      <c r="B93" s="326"/>
      <c r="C93" s="327"/>
      <c r="D93" s="327"/>
      <c r="E93" s="321"/>
      <c r="F93" s="321"/>
      <c r="G93" s="321"/>
      <c r="H93" s="321"/>
      <c r="I93" s="321"/>
    </row>
    <row r="94" spans="1:9">
      <c r="A94" s="21">
        <v>5</v>
      </c>
      <c r="B94" s="27" t="s">
        <v>43</v>
      </c>
      <c r="C94" s="321"/>
      <c r="D94" s="321"/>
      <c r="E94" s="321"/>
      <c r="F94" s="321"/>
      <c r="G94" s="321"/>
      <c r="H94" s="321"/>
      <c r="I94" s="321"/>
    </row>
    <row r="95" spans="1:9">
      <c r="A95" s="21"/>
      <c r="B95" s="326" t="s">
        <v>63</v>
      </c>
      <c r="C95" s="327"/>
      <c r="D95" s="327"/>
      <c r="E95" s="321"/>
      <c r="F95" s="321"/>
      <c r="G95" s="321"/>
      <c r="H95" s="321"/>
      <c r="I95" s="321"/>
    </row>
    <row r="96" spans="1:9">
      <c r="A96" s="21"/>
      <c r="B96" s="320"/>
      <c r="C96" s="321"/>
      <c r="D96" s="321"/>
      <c r="E96" s="321"/>
      <c r="F96" s="321"/>
      <c r="G96" s="321"/>
      <c r="H96" s="321"/>
      <c r="I96" s="321"/>
    </row>
    <row r="97" spans="1:9">
      <c r="A97" s="21">
        <v>5</v>
      </c>
      <c r="B97" s="27" t="s">
        <v>505</v>
      </c>
      <c r="C97" s="321"/>
      <c r="D97" s="321"/>
      <c r="E97" s="321"/>
      <c r="F97" s="321"/>
      <c r="G97" s="321"/>
      <c r="H97" s="321"/>
      <c r="I97" s="321"/>
    </row>
    <row r="98" spans="1:9">
      <c r="A98" s="21"/>
      <c r="B98" s="326" t="s">
        <v>506</v>
      </c>
      <c r="C98" s="327"/>
      <c r="D98" s="327"/>
      <c r="E98" s="321"/>
      <c r="F98" s="321"/>
      <c r="G98" s="321"/>
      <c r="H98" s="321"/>
      <c r="I98" s="321"/>
    </row>
    <row r="99" spans="1:9">
      <c r="A99" s="21"/>
      <c r="B99" s="320"/>
      <c r="C99" s="321"/>
      <c r="D99" s="321"/>
      <c r="E99" s="321"/>
      <c r="F99" s="321"/>
      <c r="G99" s="321"/>
      <c r="H99" s="321"/>
      <c r="I99" s="321"/>
    </row>
    <row r="100" spans="1:9">
      <c r="A100" s="328" t="s">
        <v>44</v>
      </c>
      <c r="B100" s="328"/>
      <c r="C100" s="321"/>
      <c r="D100" s="321"/>
      <c r="E100" s="321"/>
      <c r="F100" s="321"/>
      <c r="G100" s="321"/>
      <c r="H100" s="321"/>
      <c r="I100" s="321"/>
    </row>
    <row r="101" spans="1:9">
      <c r="A101" s="21"/>
      <c r="B101" s="320"/>
      <c r="C101" s="321"/>
      <c r="D101" s="321"/>
      <c r="E101" s="321"/>
      <c r="F101" s="321"/>
      <c r="G101" s="321"/>
      <c r="H101" s="321"/>
      <c r="I101" s="321"/>
    </row>
    <row r="102" spans="1:9">
      <c r="A102" s="22">
        <v>6</v>
      </c>
      <c r="B102" s="229" t="s">
        <v>12</v>
      </c>
      <c r="C102" s="321"/>
      <c r="D102" s="321"/>
      <c r="E102" s="321"/>
      <c r="F102" s="321"/>
      <c r="G102" s="321"/>
      <c r="H102" s="321"/>
      <c r="I102" s="321"/>
    </row>
    <row r="103" spans="1:9">
      <c r="A103" s="21"/>
      <c r="B103" s="326" t="s">
        <v>24</v>
      </c>
      <c r="C103" s="327"/>
      <c r="D103" s="327"/>
      <c r="E103" s="321"/>
      <c r="F103" s="321"/>
      <c r="G103" s="321"/>
      <c r="H103" s="321"/>
      <c r="I103" s="321"/>
    </row>
    <row r="104" spans="1:9">
      <c r="A104" s="21"/>
      <c r="B104" s="326"/>
      <c r="C104" s="327"/>
      <c r="D104" s="327"/>
      <c r="E104" s="321"/>
      <c r="F104" s="321"/>
      <c r="G104" s="321"/>
      <c r="H104" s="321"/>
      <c r="I104" s="321"/>
    </row>
    <row r="105" spans="1:9">
      <c r="A105" s="21">
        <v>6</v>
      </c>
      <c r="B105" s="27" t="s">
        <v>45</v>
      </c>
      <c r="C105" s="321"/>
      <c r="D105" s="321"/>
      <c r="E105" s="321"/>
      <c r="F105" s="321"/>
      <c r="G105" s="321"/>
      <c r="H105" s="321"/>
      <c r="I105" s="321"/>
    </row>
    <row r="106" spans="1:9">
      <c r="A106" s="21"/>
      <c r="B106" s="320" t="s">
        <v>523</v>
      </c>
      <c r="C106" s="321"/>
      <c r="D106" s="321"/>
      <c r="E106" s="321"/>
      <c r="F106" s="321"/>
      <c r="G106" s="321"/>
      <c r="H106" s="321"/>
      <c r="I106" s="321"/>
    </row>
    <row r="107" spans="1:9">
      <c r="A107" s="21"/>
      <c r="B107" s="321"/>
      <c r="C107" s="321"/>
      <c r="D107" s="321"/>
      <c r="E107" s="321"/>
      <c r="F107" s="321"/>
      <c r="G107" s="321"/>
      <c r="H107" s="321"/>
      <c r="I107" s="321"/>
    </row>
    <row r="108" spans="1:9">
      <c r="A108" s="22">
        <v>6</v>
      </c>
      <c r="B108" s="27" t="s">
        <v>233</v>
      </c>
      <c r="C108" s="321"/>
      <c r="D108" s="321"/>
      <c r="E108" s="321"/>
      <c r="F108" s="321"/>
      <c r="G108" s="321"/>
      <c r="H108" s="321"/>
      <c r="I108" s="321"/>
    </row>
    <row r="109" spans="1:9">
      <c r="A109" s="21"/>
      <c r="B109" s="326" t="s">
        <v>25</v>
      </c>
      <c r="C109" s="327"/>
      <c r="D109" s="327"/>
      <c r="E109" s="321"/>
      <c r="F109" s="321"/>
      <c r="G109" s="321"/>
      <c r="H109" s="321"/>
      <c r="I109" s="321"/>
    </row>
    <row r="110" spans="1:9">
      <c r="A110" s="21"/>
      <c r="B110" s="326"/>
      <c r="C110" s="327"/>
      <c r="D110" s="327"/>
      <c r="E110" s="321"/>
      <c r="F110" s="321"/>
      <c r="G110" s="321"/>
      <c r="H110" s="321"/>
      <c r="I110" s="321"/>
    </row>
    <row r="111" spans="1:9">
      <c r="A111" s="21">
        <v>6</v>
      </c>
      <c r="B111" s="27" t="s">
        <v>46</v>
      </c>
      <c r="C111" s="321"/>
      <c r="D111" s="321"/>
      <c r="E111" s="321"/>
      <c r="F111" s="321"/>
      <c r="G111" s="321"/>
      <c r="H111" s="321"/>
      <c r="I111" s="321"/>
    </row>
    <row r="112" spans="1:9">
      <c r="A112" s="21"/>
      <c r="B112" s="320" t="s">
        <v>522</v>
      </c>
      <c r="C112" s="321"/>
      <c r="D112" s="321"/>
      <c r="E112" s="321"/>
      <c r="F112" s="321"/>
      <c r="G112" s="321"/>
      <c r="H112" s="321"/>
      <c r="I112" s="321"/>
    </row>
    <row r="113" spans="1:9">
      <c r="A113" s="21"/>
      <c r="B113" s="320"/>
      <c r="C113" s="321"/>
      <c r="D113" s="321"/>
      <c r="E113" s="321"/>
      <c r="F113" s="321"/>
      <c r="G113" s="321"/>
      <c r="H113" s="321"/>
      <c r="I113" s="321"/>
    </row>
    <row r="114" spans="1:9">
      <c r="A114" s="21">
        <v>6</v>
      </c>
      <c r="B114" s="27" t="s">
        <v>464</v>
      </c>
      <c r="C114" s="321"/>
      <c r="D114" s="321"/>
      <c r="E114" s="321"/>
      <c r="F114" s="321"/>
      <c r="G114" s="321"/>
      <c r="H114" s="321"/>
      <c r="I114" s="321"/>
    </row>
    <row r="115" spans="1:9">
      <c r="A115" s="21"/>
      <c r="B115" s="320" t="s">
        <v>508</v>
      </c>
      <c r="C115" s="321"/>
      <c r="D115" s="321"/>
      <c r="E115" s="321"/>
      <c r="F115" s="321"/>
      <c r="G115" s="321"/>
      <c r="H115" s="321"/>
      <c r="I115" s="321"/>
    </row>
    <row r="116" spans="1:9">
      <c r="A116" s="21"/>
      <c r="B116" s="320"/>
      <c r="C116" s="321"/>
      <c r="D116" s="321"/>
      <c r="E116" s="321"/>
      <c r="F116" s="321"/>
      <c r="G116" s="321"/>
      <c r="H116" s="321"/>
      <c r="I116" s="321"/>
    </row>
    <row r="117" spans="1:9">
      <c r="A117" s="21">
        <v>6</v>
      </c>
      <c r="B117" s="23" t="s">
        <v>30</v>
      </c>
      <c r="C117" s="321"/>
      <c r="D117" s="321"/>
      <c r="E117" s="321"/>
      <c r="F117" s="321"/>
      <c r="G117" s="321"/>
      <c r="H117" s="321"/>
      <c r="I117" s="321"/>
    </row>
    <row r="118" spans="1:9">
      <c r="A118" s="22"/>
      <c r="B118" s="321" t="s">
        <v>64</v>
      </c>
      <c r="C118" s="321"/>
      <c r="D118" s="321"/>
      <c r="E118" s="321"/>
      <c r="F118" s="321"/>
      <c r="G118" s="321"/>
      <c r="H118" s="321"/>
      <c r="I118" s="321"/>
    </row>
    <row r="119" spans="1:9">
      <c r="A119" s="21"/>
      <c r="B119" s="326"/>
      <c r="C119" s="327"/>
      <c r="D119" s="327"/>
      <c r="E119" s="321"/>
      <c r="F119" s="321"/>
      <c r="G119" s="321"/>
      <c r="H119" s="321"/>
      <c r="I119" s="321"/>
    </row>
    <row r="120" spans="1:9">
      <c r="A120" s="21">
        <v>6</v>
      </c>
      <c r="B120" s="27" t="s">
        <v>13</v>
      </c>
      <c r="C120" s="321"/>
      <c r="D120" s="321"/>
      <c r="E120" s="321"/>
      <c r="F120" s="321"/>
      <c r="G120" s="321"/>
      <c r="H120" s="321"/>
      <c r="I120" s="321"/>
    </row>
    <row r="121" spans="1:9">
      <c r="A121" s="28"/>
      <c r="B121" s="326" t="s">
        <v>14</v>
      </c>
      <c r="C121" s="327"/>
      <c r="D121" s="327"/>
      <c r="E121" s="321"/>
      <c r="F121" s="321"/>
      <c r="G121" s="321"/>
      <c r="H121" s="321"/>
      <c r="I121" s="321"/>
    </row>
    <row r="122" spans="1:9">
      <c r="A122" s="28"/>
      <c r="B122" s="320"/>
      <c r="C122" s="321"/>
      <c r="D122" s="321"/>
      <c r="E122" s="321"/>
      <c r="F122" s="321"/>
      <c r="G122" s="321"/>
      <c r="H122" s="321"/>
      <c r="I122" s="321"/>
    </row>
    <row r="123" spans="1:9">
      <c r="A123" s="21">
        <v>6</v>
      </c>
      <c r="B123" s="27" t="s">
        <v>402</v>
      </c>
      <c r="C123" s="321"/>
      <c r="D123" s="321"/>
      <c r="E123" s="321"/>
      <c r="F123" s="321"/>
      <c r="G123" s="321"/>
      <c r="H123" s="321"/>
      <c r="I123" s="321"/>
    </row>
    <row r="124" spans="1:9">
      <c r="A124" s="28"/>
      <c r="B124" s="326" t="s">
        <v>507</v>
      </c>
      <c r="C124" s="327"/>
      <c r="D124" s="327"/>
      <c r="E124" s="321"/>
      <c r="F124" s="321"/>
      <c r="G124" s="321"/>
      <c r="H124" s="321"/>
      <c r="I124" s="321"/>
    </row>
    <row r="125" spans="1:9">
      <c r="A125" s="28"/>
      <c r="B125" s="320"/>
      <c r="C125" s="321"/>
      <c r="D125" s="321"/>
      <c r="E125" s="321"/>
      <c r="F125" s="321"/>
      <c r="G125" s="321"/>
      <c r="H125" s="321"/>
      <c r="I125" s="321"/>
    </row>
    <row r="126" spans="1:9">
      <c r="A126" s="328" t="s">
        <v>47</v>
      </c>
      <c r="B126" s="328"/>
      <c r="C126" s="321"/>
      <c r="D126" s="321"/>
      <c r="E126" s="321"/>
      <c r="F126" s="321"/>
      <c r="G126" s="321"/>
      <c r="H126" s="321"/>
      <c r="I126" s="321"/>
    </row>
    <row r="127" spans="1:9">
      <c r="A127" s="28"/>
      <c r="B127" s="27"/>
      <c r="C127" s="321"/>
      <c r="D127" s="321"/>
      <c r="E127" s="321"/>
      <c r="F127" s="321"/>
      <c r="G127" s="321"/>
      <c r="H127" s="321"/>
      <c r="I127" s="321"/>
    </row>
    <row r="128" spans="1:9">
      <c r="A128" s="22">
        <v>7</v>
      </c>
      <c r="B128" s="229" t="s">
        <v>236</v>
      </c>
      <c r="C128" s="321"/>
      <c r="D128" s="321"/>
      <c r="E128" s="321"/>
      <c r="F128" s="321"/>
      <c r="G128" s="321"/>
      <c r="H128" s="321"/>
      <c r="I128" s="321"/>
    </row>
    <row r="129" spans="1:9">
      <c r="A129" s="28"/>
      <c r="B129" s="326" t="s">
        <v>340</v>
      </c>
      <c r="C129" s="327"/>
      <c r="D129" s="327"/>
      <c r="E129" s="321"/>
      <c r="F129" s="321"/>
      <c r="G129" s="321"/>
      <c r="H129" s="321"/>
      <c r="I129" s="321"/>
    </row>
    <row r="130" spans="1:9">
      <c r="A130" s="28"/>
      <c r="B130" s="326"/>
      <c r="C130" s="327"/>
      <c r="D130" s="327"/>
      <c r="E130" s="321"/>
      <c r="F130" s="321"/>
      <c r="G130" s="321"/>
      <c r="H130" s="321"/>
      <c r="I130" s="321"/>
    </row>
    <row r="131" spans="1:9">
      <c r="A131" s="22">
        <v>7</v>
      </c>
      <c r="B131" s="27" t="s">
        <v>509</v>
      </c>
      <c r="C131" s="321"/>
      <c r="D131" s="321"/>
      <c r="E131" s="321"/>
      <c r="F131" s="321"/>
      <c r="G131" s="321"/>
      <c r="H131" s="321"/>
      <c r="I131" s="321"/>
    </row>
    <row r="132" spans="1:9">
      <c r="A132" s="28"/>
      <c r="B132" s="326" t="s">
        <v>510</v>
      </c>
      <c r="C132" s="327"/>
      <c r="D132" s="327"/>
      <c r="E132" s="321"/>
      <c r="F132" s="321"/>
      <c r="G132" s="321"/>
      <c r="H132" s="321"/>
      <c r="I132" s="321"/>
    </row>
    <row r="133" spans="1:9">
      <c r="A133" s="28"/>
      <c r="B133" s="326"/>
      <c r="C133" s="327"/>
      <c r="D133" s="327"/>
      <c r="E133" s="321"/>
      <c r="F133" s="321"/>
      <c r="G133" s="321"/>
      <c r="H133" s="321"/>
      <c r="I133" s="321"/>
    </row>
    <row r="134" spans="1:9">
      <c r="A134" s="22">
        <v>7</v>
      </c>
      <c r="B134" s="27" t="s">
        <v>48</v>
      </c>
      <c r="C134" s="321"/>
      <c r="D134" s="321"/>
      <c r="E134" s="321"/>
      <c r="F134" s="321"/>
      <c r="G134" s="321"/>
      <c r="H134" s="321"/>
      <c r="I134" s="321"/>
    </row>
    <row r="135" spans="1:9">
      <c r="A135" s="28"/>
      <c r="B135" s="320" t="s">
        <v>65</v>
      </c>
      <c r="C135" s="321"/>
      <c r="D135" s="321"/>
      <c r="E135" s="321"/>
      <c r="F135" s="321"/>
      <c r="G135" s="321"/>
      <c r="H135" s="321"/>
      <c r="I135" s="321"/>
    </row>
    <row r="136" spans="1:9">
      <c r="A136" s="28"/>
      <c r="B136" s="320"/>
      <c r="C136" s="321"/>
      <c r="D136" s="321"/>
      <c r="E136" s="321"/>
      <c r="F136" s="321"/>
      <c r="G136" s="321"/>
      <c r="H136" s="321"/>
      <c r="I136" s="321"/>
    </row>
    <row r="137" spans="1:9">
      <c r="A137" s="22">
        <v>7</v>
      </c>
      <c r="B137" s="27" t="s">
        <v>511</v>
      </c>
      <c r="C137" s="321"/>
      <c r="D137" s="321"/>
      <c r="E137" s="321"/>
      <c r="F137" s="321"/>
      <c r="G137" s="321"/>
      <c r="H137" s="321"/>
      <c r="I137" s="321"/>
    </row>
    <row r="138" spans="1:9">
      <c r="A138" s="28"/>
      <c r="B138" s="326" t="s">
        <v>512</v>
      </c>
      <c r="C138" s="327"/>
      <c r="D138" s="327"/>
      <c r="E138" s="321"/>
      <c r="F138" s="321"/>
      <c r="G138" s="321"/>
      <c r="H138" s="321"/>
      <c r="I138" s="321"/>
    </row>
    <row r="139" spans="1:9">
      <c r="A139" s="28"/>
      <c r="B139" s="320"/>
      <c r="C139" s="321"/>
      <c r="D139" s="321"/>
      <c r="E139" s="321"/>
      <c r="F139" s="321"/>
      <c r="G139" s="321"/>
      <c r="H139" s="321"/>
      <c r="I139" s="321"/>
    </row>
    <row r="140" spans="1:9">
      <c r="A140" s="22">
        <v>7</v>
      </c>
      <c r="B140" s="27" t="s">
        <v>419</v>
      </c>
      <c r="C140" s="321"/>
      <c r="D140" s="321"/>
      <c r="E140" s="321"/>
      <c r="F140" s="321"/>
      <c r="G140" s="321"/>
      <c r="H140" s="321"/>
      <c r="I140" s="321"/>
    </row>
    <row r="141" spans="1:9">
      <c r="A141" s="28"/>
      <c r="B141" s="320" t="s">
        <v>66</v>
      </c>
      <c r="C141" s="321"/>
      <c r="D141" s="321"/>
      <c r="E141" s="321"/>
      <c r="F141" s="321"/>
      <c r="G141" s="321"/>
      <c r="H141" s="321"/>
      <c r="I141" s="321"/>
    </row>
    <row r="142" spans="1:9">
      <c r="A142" s="22"/>
      <c r="B142" s="320"/>
      <c r="C142" s="321"/>
      <c r="D142" s="321"/>
      <c r="E142" s="321"/>
      <c r="F142" s="321"/>
      <c r="G142" s="321"/>
      <c r="H142" s="321"/>
      <c r="I142" s="321"/>
    </row>
    <row r="143" spans="1:9">
      <c r="A143" s="22">
        <v>7</v>
      </c>
      <c r="B143" s="27" t="s">
        <v>513</v>
      </c>
      <c r="C143" s="321"/>
      <c r="D143" s="321"/>
      <c r="E143" s="321"/>
      <c r="F143" s="321"/>
      <c r="G143" s="321"/>
      <c r="H143" s="321"/>
      <c r="I143" s="321"/>
    </row>
    <row r="144" spans="1:9">
      <c r="A144" s="28"/>
      <c r="B144" s="326" t="s">
        <v>514</v>
      </c>
      <c r="C144" s="327"/>
      <c r="D144" s="327"/>
      <c r="E144" s="321"/>
      <c r="F144" s="321"/>
      <c r="G144" s="321"/>
      <c r="H144" s="321"/>
      <c r="I144" s="321"/>
    </row>
    <row r="145" spans="1:9">
      <c r="A145" s="22"/>
      <c r="B145" s="320"/>
      <c r="C145" s="321"/>
      <c r="D145" s="321"/>
      <c r="E145" s="321"/>
      <c r="F145" s="321"/>
      <c r="G145" s="321"/>
      <c r="H145" s="321"/>
      <c r="I145" s="321"/>
    </row>
    <row r="146" spans="1:9">
      <c r="A146" s="22">
        <v>7</v>
      </c>
      <c r="B146" s="27" t="s">
        <v>238</v>
      </c>
      <c r="C146" s="321"/>
      <c r="D146" s="321"/>
      <c r="E146" s="321"/>
      <c r="F146" s="321"/>
      <c r="G146" s="321"/>
      <c r="H146" s="321"/>
      <c r="I146" s="321"/>
    </row>
    <row r="147" spans="1:9">
      <c r="A147" s="22"/>
      <c r="B147" s="320" t="s">
        <v>341</v>
      </c>
      <c r="C147" s="321"/>
      <c r="D147" s="321"/>
      <c r="E147" s="321"/>
      <c r="F147" s="321"/>
      <c r="G147" s="321"/>
      <c r="H147" s="321"/>
      <c r="I147" s="321"/>
    </row>
    <row r="148" spans="1:9">
      <c r="A148" s="22"/>
      <c r="B148" s="320"/>
      <c r="C148" s="321"/>
      <c r="D148" s="321"/>
      <c r="E148" s="321"/>
      <c r="F148" s="321"/>
      <c r="G148" s="321"/>
      <c r="H148" s="321"/>
      <c r="I148" s="321"/>
    </row>
    <row r="149" spans="1:9">
      <c r="A149" s="22">
        <v>7</v>
      </c>
      <c r="B149" s="27" t="s">
        <v>425</v>
      </c>
      <c r="C149" s="321"/>
      <c r="D149" s="321"/>
      <c r="E149" s="321"/>
      <c r="F149" s="321"/>
      <c r="G149" s="321"/>
      <c r="H149" s="321"/>
      <c r="I149" s="321"/>
    </row>
    <row r="150" spans="1:9">
      <c r="A150" s="28"/>
      <c r="B150" s="326" t="s">
        <v>515</v>
      </c>
      <c r="C150" s="327"/>
      <c r="D150" s="327"/>
      <c r="E150" s="321"/>
      <c r="F150" s="321"/>
      <c r="G150" s="321"/>
      <c r="H150" s="321"/>
      <c r="I150" s="321"/>
    </row>
    <row r="151" spans="1:9">
      <c r="A151" s="22"/>
      <c r="B151" s="320"/>
      <c r="C151" s="321"/>
      <c r="D151" s="321"/>
      <c r="E151" s="321"/>
      <c r="F151" s="321"/>
      <c r="G151" s="321"/>
      <c r="H151" s="321"/>
      <c r="I151" s="321"/>
    </row>
    <row r="152" spans="1:9">
      <c r="A152" s="22">
        <v>7</v>
      </c>
      <c r="B152" s="27" t="s">
        <v>428</v>
      </c>
      <c r="C152" s="321"/>
      <c r="D152" s="321"/>
      <c r="E152" s="321"/>
      <c r="F152" s="321"/>
      <c r="G152" s="321"/>
      <c r="H152" s="321"/>
      <c r="I152" s="321"/>
    </row>
    <row r="153" spans="1:9">
      <c r="A153" s="28"/>
      <c r="B153" s="320" t="s">
        <v>524</v>
      </c>
      <c r="C153" s="321"/>
      <c r="D153" s="321"/>
      <c r="E153" s="321"/>
      <c r="F153" s="321"/>
      <c r="G153" s="321"/>
      <c r="H153" s="321"/>
      <c r="I153" s="321"/>
    </row>
    <row r="154" spans="1:9">
      <c r="A154" s="28"/>
      <c r="B154" s="320"/>
      <c r="C154" s="321"/>
      <c r="D154" s="321"/>
      <c r="E154" s="321"/>
      <c r="F154" s="321"/>
      <c r="G154" s="321"/>
      <c r="H154" s="321"/>
      <c r="I154" s="321"/>
    </row>
    <row r="155" spans="1:9">
      <c r="A155" s="22">
        <v>7</v>
      </c>
      <c r="B155" s="27" t="s">
        <v>15</v>
      </c>
      <c r="C155" s="321"/>
      <c r="D155" s="321"/>
      <c r="E155" s="321"/>
      <c r="F155" s="321"/>
      <c r="G155" s="321"/>
      <c r="H155" s="321"/>
      <c r="I155" s="321"/>
    </row>
    <row r="156" spans="1:9">
      <c r="A156" s="28"/>
      <c r="B156" s="326" t="s">
        <v>26</v>
      </c>
      <c r="C156" s="327"/>
      <c r="D156" s="327"/>
      <c r="E156" s="321"/>
      <c r="F156" s="321"/>
      <c r="G156" s="321"/>
      <c r="H156" s="321"/>
      <c r="I156" s="321"/>
    </row>
    <row r="157" spans="1:9">
      <c r="A157" s="22"/>
      <c r="B157" s="320"/>
      <c r="C157" s="321"/>
      <c r="D157" s="321"/>
      <c r="E157" s="321"/>
      <c r="F157" s="321"/>
      <c r="G157" s="321"/>
      <c r="H157" s="321"/>
      <c r="I157" s="321"/>
    </row>
    <row r="158" spans="1:9">
      <c r="A158" s="22">
        <v>7</v>
      </c>
      <c r="B158" s="27" t="s">
        <v>67</v>
      </c>
      <c r="C158" s="321"/>
      <c r="D158" s="321"/>
      <c r="E158" s="321"/>
      <c r="F158" s="321"/>
      <c r="G158" s="321"/>
      <c r="H158" s="321"/>
      <c r="I158" s="321"/>
    </row>
    <row r="159" spans="1:9">
      <c r="A159" s="28"/>
      <c r="B159" s="320" t="s">
        <v>525</v>
      </c>
      <c r="C159" s="321"/>
      <c r="D159" s="321"/>
      <c r="E159" s="321"/>
      <c r="F159" s="321"/>
      <c r="G159" s="321"/>
      <c r="H159" s="321"/>
      <c r="I159" s="321"/>
    </row>
    <row r="160" spans="1:9">
      <c r="A160" s="28"/>
      <c r="B160" s="320"/>
      <c r="C160" s="321"/>
      <c r="D160" s="321"/>
      <c r="E160" s="321"/>
      <c r="F160" s="321"/>
      <c r="G160" s="321"/>
      <c r="H160" s="321"/>
      <c r="I160" s="321"/>
    </row>
    <row r="161" spans="1:9">
      <c r="A161" s="22">
        <v>7</v>
      </c>
      <c r="B161" s="248" t="s">
        <v>49</v>
      </c>
      <c r="C161" s="22"/>
      <c r="D161" s="22"/>
      <c r="E161" s="321"/>
      <c r="F161" s="321"/>
      <c r="G161" s="321"/>
      <c r="H161" s="321"/>
      <c r="I161" s="321"/>
    </row>
    <row r="162" spans="1:9">
      <c r="A162" s="22"/>
      <c r="B162" s="22" t="s">
        <v>27</v>
      </c>
      <c r="C162" s="22"/>
      <c r="D162" s="22"/>
      <c r="E162" s="321"/>
      <c r="F162" s="321"/>
      <c r="G162" s="321"/>
      <c r="H162" s="321"/>
      <c r="I162" s="321"/>
    </row>
    <row r="163" spans="1:9">
      <c r="A163" s="22"/>
      <c r="B163" s="22"/>
      <c r="C163" s="22"/>
      <c r="D163" s="22"/>
      <c r="E163" s="321"/>
      <c r="F163" s="321"/>
      <c r="G163" s="321"/>
      <c r="H163" s="321"/>
      <c r="I163" s="321"/>
    </row>
    <row r="164" spans="1:9">
      <c r="A164" s="22">
        <v>7</v>
      </c>
      <c r="B164" s="248" t="s">
        <v>50</v>
      </c>
      <c r="C164" s="22"/>
      <c r="D164" s="22"/>
      <c r="E164" s="321"/>
      <c r="F164" s="321"/>
      <c r="G164" s="321"/>
      <c r="H164" s="321"/>
      <c r="I164" s="321"/>
    </row>
    <row r="165" spans="1:9">
      <c r="A165" s="22"/>
      <c r="B165" s="22" t="s">
        <v>526</v>
      </c>
      <c r="C165" s="22"/>
      <c r="D165" s="22"/>
      <c r="E165" s="321"/>
      <c r="F165" s="321"/>
      <c r="G165" s="321"/>
      <c r="H165" s="321"/>
      <c r="I165" s="321"/>
    </row>
    <row r="166" spans="1:9">
      <c r="A166" s="28"/>
      <c r="B166" s="320"/>
      <c r="C166" s="321"/>
      <c r="D166" s="321"/>
      <c r="E166" s="321"/>
      <c r="F166" s="321"/>
      <c r="G166" s="321"/>
      <c r="H166" s="321"/>
      <c r="I166" s="321"/>
    </row>
    <row r="167" spans="1:9">
      <c r="A167" s="22">
        <v>7</v>
      </c>
      <c r="B167" s="248" t="s">
        <v>16</v>
      </c>
      <c r="C167" s="321"/>
      <c r="D167" s="321"/>
      <c r="E167" s="321"/>
      <c r="F167" s="321"/>
      <c r="G167" s="321"/>
      <c r="H167" s="321"/>
      <c r="I167" s="321"/>
    </row>
    <row r="168" spans="1:9">
      <c r="A168" s="28"/>
      <c r="B168" s="326" t="s">
        <v>28</v>
      </c>
      <c r="C168" s="327"/>
      <c r="D168" s="327"/>
      <c r="E168" s="321"/>
      <c r="F168" s="321"/>
      <c r="G168" s="321"/>
      <c r="H168" s="321"/>
      <c r="I168" s="321"/>
    </row>
    <row r="169" spans="1:9">
      <c r="A169" s="28"/>
      <c r="B169" s="320"/>
      <c r="C169" s="321"/>
      <c r="D169" s="321"/>
      <c r="E169" s="321"/>
      <c r="F169" s="321"/>
      <c r="G169" s="321"/>
      <c r="H169" s="321"/>
      <c r="I169" s="321"/>
    </row>
    <row r="170" spans="1:9">
      <c r="A170" s="22">
        <v>7</v>
      </c>
      <c r="B170" s="27" t="s">
        <v>51</v>
      </c>
      <c r="C170" s="321"/>
      <c r="D170" s="321"/>
      <c r="E170" s="321"/>
      <c r="F170" s="321"/>
      <c r="G170" s="321"/>
      <c r="H170" s="321"/>
      <c r="I170" s="321"/>
    </row>
    <row r="171" spans="1:9">
      <c r="A171" s="28"/>
      <c r="B171" s="22" t="s">
        <v>527</v>
      </c>
      <c r="C171" s="321"/>
      <c r="D171" s="321"/>
      <c r="E171" s="321"/>
      <c r="F171" s="321"/>
      <c r="G171" s="321"/>
      <c r="H171" s="321"/>
      <c r="I171" s="321"/>
    </row>
    <row r="172" spans="1:9">
      <c r="A172" s="28"/>
      <c r="B172" s="320"/>
      <c r="C172" s="321"/>
      <c r="D172" s="321"/>
      <c r="E172" s="321"/>
      <c r="F172" s="321"/>
      <c r="G172" s="321"/>
      <c r="H172" s="321"/>
      <c r="I172" s="321"/>
    </row>
    <row r="173" spans="1:9">
      <c r="A173" s="328" t="s">
        <v>52</v>
      </c>
      <c r="B173" s="328"/>
      <c r="C173" s="320"/>
      <c r="D173" s="320"/>
      <c r="E173" s="321"/>
      <c r="F173" s="321"/>
      <c r="G173" s="321"/>
      <c r="H173" s="321"/>
      <c r="I173" s="321"/>
    </row>
    <row r="174" spans="1:9">
      <c r="A174" s="28"/>
      <c r="B174" s="27"/>
      <c r="C174" s="321"/>
      <c r="D174" s="321"/>
      <c r="E174" s="321"/>
      <c r="F174" s="321"/>
      <c r="G174" s="321"/>
      <c r="H174" s="321"/>
      <c r="I174" s="321"/>
    </row>
    <row r="175" spans="1:9">
      <c r="A175" s="22">
        <v>8</v>
      </c>
      <c r="B175" s="229" t="s">
        <v>17</v>
      </c>
      <c r="C175" s="321"/>
      <c r="D175" s="321"/>
      <c r="E175" s="321"/>
      <c r="F175" s="321"/>
      <c r="G175" s="321"/>
      <c r="H175" s="321"/>
      <c r="I175" s="321"/>
    </row>
    <row r="176" spans="1:9">
      <c r="A176" s="28"/>
      <c r="B176" s="326" t="s">
        <v>29</v>
      </c>
      <c r="C176" s="327"/>
      <c r="D176" s="327"/>
      <c r="E176" s="321"/>
      <c r="F176" s="321"/>
      <c r="G176" s="321"/>
      <c r="H176" s="321"/>
      <c r="I176" s="321"/>
    </row>
    <row r="177" spans="1:9">
      <c r="A177" s="28"/>
      <c r="B177" s="326"/>
      <c r="C177" s="327"/>
      <c r="D177" s="327"/>
      <c r="E177" s="321"/>
      <c r="F177" s="321"/>
      <c r="G177" s="321"/>
      <c r="H177" s="321"/>
      <c r="I177" s="321"/>
    </row>
    <row r="178" spans="1:9">
      <c r="A178" s="21">
        <v>8</v>
      </c>
      <c r="B178" s="23" t="s">
        <v>53</v>
      </c>
      <c r="C178" s="321"/>
      <c r="D178" s="321"/>
      <c r="E178" s="321"/>
      <c r="F178" s="321"/>
      <c r="G178" s="321"/>
      <c r="H178" s="321"/>
      <c r="I178" s="321"/>
    </row>
    <row r="179" spans="1:9">
      <c r="A179" s="21"/>
      <c r="B179" s="22" t="s">
        <v>528</v>
      </c>
      <c r="C179" s="321"/>
      <c r="D179" s="321"/>
      <c r="E179" s="321"/>
      <c r="F179" s="321"/>
      <c r="G179" s="321"/>
      <c r="H179" s="321"/>
      <c r="I179" s="321"/>
    </row>
    <row r="180" spans="1:9">
      <c r="A180" s="21"/>
      <c r="B180" s="321"/>
      <c r="C180" s="321"/>
      <c r="D180" s="321"/>
      <c r="E180" s="321"/>
      <c r="F180" s="321"/>
      <c r="G180" s="321"/>
      <c r="H180" s="321"/>
      <c r="I180" s="321"/>
    </row>
    <row r="181" spans="1:9">
      <c r="A181" s="21"/>
      <c r="B181" s="321"/>
      <c r="C181" s="321"/>
      <c r="D181" s="321"/>
      <c r="E181" s="321"/>
      <c r="F181" s="321"/>
      <c r="G181" s="321"/>
      <c r="H181" s="321"/>
      <c r="I181" s="321"/>
    </row>
  </sheetData>
  <mergeCells count="47">
    <mergeCell ref="B119:D119"/>
    <mergeCell ref="B78:D78"/>
    <mergeCell ref="B93:D93"/>
    <mergeCell ref="B72:E72"/>
    <mergeCell ref="B104:D104"/>
    <mergeCell ref="B92:D92"/>
    <mergeCell ref="B103:D103"/>
    <mergeCell ref="B73:E73"/>
    <mergeCell ref="B95:D95"/>
    <mergeCell ref="B81:D81"/>
    <mergeCell ref="B98:D98"/>
    <mergeCell ref="A83:B83"/>
    <mergeCell ref="A100:B100"/>
    <mergeCell ref="B68:C68"/>
    <mergeCell ref="B109:D109"/>
    <mergeCell ref="B110:D110"/>
    <mergeCell ref="B86:D86"/>
    <mergeCell ref="B69:E69"/>
    <mergeCell ref="A1:D1"/>
    <mergeCell ref="B8:F8"/>
    <mergeCell ref="B64:D64"/>
    <mergeCell ref="B65:D65"/>
    <mergeCell ref="B47:E47"/>
    <mergeCell ref="B11:D11"/>
    <mergeCell ref="B28:G28"/>
    <mergeCell ref="A42:C42"/>
    <mergeCell ref="B56:C56"/>
    <mergeCell ref="B31:G31"/>
    <mergeCell ref="A5:B5"/>
    <mergeCell ref="A25:B25"/>
    <mergeCell ref="A44:B44"/>
    <mergeCell ref="A61:B61"/>
    <mergeCell ref="B177:D177"/>
    <mergeCell ref="B130:D130"/>
    <mergeCell ref="B121:D121"/>
    <mergeCell ref="B129:D129"/>
    <mergeCell ref="B168:D168"/>
    <mergeCell ref="B176:D176"/>
    <mergeCell ref="B156:D156"/>
    <mergeCell ref="B124:D124"/>
    <mergeCell ref="B132:D132"/>
    <mergeCell ref="B133:D133"/>
    <mergeCell ref="B138:D138"/>
    <mergeCell ref="B144:D144"/>
    <mergeCell ref="B150:D150"/>
    <mergeCell ref="A126:B126"/>
    <mergeCell ref="A173:B173"/>
  </mergeCells>
  <hyperlinks>
    <hyperlink ref="A46:B46" location="'02'!A29" display="'02'!A29" xr:uid="{00000000-0004-0000-0300-000000000000}"/>
    <hyperlink ref="A55:B55" location="'02'!A42" display="'02'!A42" xr:uid="{00000000-0004-0000-0300-000001000000}"/>
    <hyperlink ref="A71:B71" location="'02'!A55" display="'02'!A55" xr:uid="{00000000-0004-0000-0300-000002000000}"/>
    <hyperlink ref="A77:B77" location="'02'!A68" display="'02'!A68" xr:uid="{00000000-0004-0000-0300-000003000000}"/>
    <hyperlink ref="B7" location="'1 IndividualWellbeing'!A3" display="Global Life Satisfaction" xr:uid="{00000000-0004-0000-0300-000004000000}"/>
    <hyperlink ref="B63" location="'4 HumanCapital'!A3" display="General health" xr:uid="{00000000-0004-0000-0300-000005000000}"/>
    <hyperlink ref="B67" location="'4 HumanCapital'!A32" display="K6 psychological distress" xr:uid="{00000000-0004-0000-0300-000006000000}"/>
    <hyperlink ref="B46" location="'3 FinancialCapital'!A3" display="Household financial wellbeing" xr:uid="{00000000-0004-0000-0300-000007000000}"/>
    <hyperlink ref="B55" location="'3 FinancialCapital'!A90" display="Community economic wellbeing" xr:uid="{00000000-0004-0000-0300-000008000000}"/>
    <hyperlink ref="B71" location="'4 HumanCapital'!A61" display="Self-efficacy" xr:uid="{00000000-0004-0000-0300-000009000000}"/>
    <hyperlink ref="B77" location="'4 HumanCapital'!A119" display="Community leadership and collaboration" xr:uid="{00000000-0004-0000-0300-00000A000000}"/>
    <hyperlink ref="A85:B85" location="'02'!A68" display="'02'!A68" xr:uid="{00000000-0004-0000-0300-00000B000000}"/>
    <hyperlink ref="B85" location="'5 InstitutionalCapital'!A3" display="Having a say and being heard" xr:uid="{00000000-0004-0000-0300-00000C000000}"/>
    <hyperlink ref="A91:B91" location="'02'!A68" display="'02'!A68" xr:uid="{00000000-0004-0000-0300-00000D000000}"/>
    <hyperlink ref="B91" location="'5 InstitutionalCapital'!A61" display="Contributing to local governance" xr:uid="{00000000-0004-0000-0300-00000E000000}"/>
    <hyperlink ref="A102:B102" location="'02'!A68" display="'02'!A68" xr:uid="{00000000-0004-0000-0300-00000F000000}"/>
    <hyperlink ref="B102" location="'6 SocialCapital'!A3" display="Spending time with friends and family" xr:uid="{00000000-0004-0000-0300-000010000000}"/>
    <hyperlink ref="A108:B108" location="'02'!A68" display="'02'!A68" xr:uid="{00000000-0004-0000-0300-000011000000}"/>
    <hyperlink ref="B108" location="'6 SocialCapital'!A61" display="Getting involved in the community" xr:uid="{00000000-0004-0000-0300-000012000000}"/>
    <hyperlink ref="B120" location="'6 SocialCapital'!A177" display="Sense of belonging" xr:uid="{00000000-0004-0000-0300-000013000000}"/>
    <hyperlink ref="A128:B128" location="'02'!A68" display="'02'!A68" xr:uid="{00000000-0004-0000-0300-000014000000}"/>
    <hyperlink ref="B128" location="'7 PhysicalCapital'!A3" display="Access to health, education, aged care and child care " xr:uid="{00000000-0004-0000-0300-000015000000}"/>
    <hyperlink ref="B155" location="'7 PhysicalCapital'!A264" display="Access to telecommunications" xr:uid="{00000000-0004-0000-0300-000016000000}"/>
    <hyperlink ref="B161" location="'7 PhysicalCapital'!A322" display="Crime and safety in the local community" xr:uid="{00000000-0004-0000-0300-000017000000}"/>
    <hyperlink ref="B167" location="'7 PhysicalCapital'!A380" display="Landscape and aesthetics" xr:uid="{00000000-0004-0000-0300-000018000000}"/>
    <hyperlink ref="B175" location="'8 NaturalCapital'!A3" display="Perceived environmental health" xr:uid="{00000000-0004-0000-0300-000019000000}"/>
    <hyperlink ref="B10" location="'1 IndividualWellbeing'!A32" display="Personal Wellbeing Index" xr:uid="{00000000-0004-0000-0300-00001A000000}"/>
    <hyperlink ref="B27" location="'2 CommunityWellbeing'!A3" display="Community wellbeing measures" xr:uid="{00000000-0004-0000-0300-00001B000000}"/>
    <hyperlink ref="B13" location="'1 IndividualWellbeing'!A61" display="Personal wellbeing domains" xr:uid="{00000000-0004-0000-0300-00001C000000}"/>
    <hyperlink ref="B16" location="'1 IndividualWellbeing'!A90" display="Eudaimonic wellbeing" xr:uid="{00000000-0004-0000-0300-00001D000000}"/>
    <hyperlink ref="B33" location="'2 CommunityWellbeing'!A61" display="Changes in community liveability" xr:uid="{00000000-0004-0000-0300-00001E000000}"/>
    <hyperlink ref="B36" location="'2 CommunityWellbeing'!A90" display="Migration" xr:uid="{00000000-0004-0000-0300-00001F000000}"/>
    <hyperlink ref="A5" location="'1 IndividualWellbeing'!A1" display="Wellbeing of people" xr:uid="{00000000-0004-0000-0300-000020000000}"/>
    <hyperlink ref="A44" location="'3 FinancialCapital'!A1" display="Financial capital" xr:uid="{00000000-0004-0000-0300-000021000000}"/>
    <hyperlink ref="A61" location="'4 HumanCapital'!A1" display="Human capital" xr:uid="{00000000-0004-0000-0300-000022000000}"/>
    <hyperlink ref="B49" location="'3 FinancialCapital'!A32" display="Household financial measures" xr:uid="{00000000-0004-0000-0300-000023000000}"/>
    <hyperlink ref="B52" location="'3 FinancialCapital'!A61" display="Financial distress" xr:uid="{00000000-0004-0000-0300-000024000000}"/>
    <hyperlink ref="B58" location="'3 FinancialCapital'!A119" display="Community economic measures" xr:uid="{00000000-0004-0000-0300-000025000000}"/>
    <hyperlink ref="B74" location="'4 HumanCapital'!A90" display="Self-efficacy measures" xr:uid="{00000000-0004-0000-0300-000026000000}"/>
    <hyperlink ref="A83" location="'5 InstitutionalCapital'!A1" display="Institutional Capital" xr:uid="{00000000-0004-0000-0300-000027000000}"/>
    <hyperlink ref="B88" location="'5 InstitutionalCapital'!A32" display="Having a say and being heard measures" xr:uid="{00000000-0004-0000-0300-000028000000}"/>
    <hyperlink ref="A100" location="'6 SocialCapital'!A1" display="Social capital" xr:uid="{00000000-0004-0000-0300-000029000000}"/>
    <hyperlink ref="B105" location="'6 SocialCapital'!A32" display="Spending time with friends and family measures" xr:uid="{00000000-0004-0000-0300-00002A000000}"/>
    <hyperlink ref="B111" location="'6 SocialCapital'!A90" display="Getting involved measures" xr:uid="{00000000-0004-0000-0300-00002B000000}"/>
    <hyperlink ref="B117" location="'6 SocialCapital'!A148" display="Volunteering" xr:uid="{00000000-0004-0000-0300-00002C000000}"/>
    <hyperlink ref="A126" location="'7 PhysicalCapital'!A1" display="Physical capital" xr:uid="{00000000-0004-0000-0300-00002D000000}"/>
    <hyperlink ref="B134" location="'7 PhysicalCapital'!A61" display="Access to roads and public transport " xr:uid="{00000000-0004-0000-0300-00002E000000}"/>
    <hyperlink ref="B140" location="'7 PhysicalCapital'!A119" display="Access to food" xr:uid="{00000000-0004-0000-0300-00002F000000}"/>
    <hyperlink ref="B146" location="'7 PhysicalCapital'!A177" display="Access to local government services" xr:uid="{00000000-0004-0000-0300-000030000000}"/>
    <hyperlink ref="B158" location="'7 PhysicalCapital'!A293" display="Access to telecommunications measures" xr:uid="{00000000-0004-0000-0300-000031000000}"/>
    <hyperlink ref="B164" location="'7 PhysicalCapital'!A351" display="Crime and safety in the local community measures" xr:uid="{00000000-0004-0000-0300-000032000000}"/>
    <hyperlink ref="B170" location="'7 PhysicalCapital'!A409" display="Landscape and aesthetics measures" xr:uid="{00000000-0004-0000-0300-000033000000}"/>
    <hyperlink ref="A173" location="'8 NaturalCapital'!A1" display="Natural capital" xr:uid="{00000000-0004-0000-0300-000034000000}"/>
    <hyperlink ref="B178" location="'8 NaturalCapital'!A32" display="Perceived environmental health measures" xr:uid="{00000000-0004-0000-0300-000035000000}"/>
    <hyperlink ref="B94" location="'5 InstitutionalCapital'!A90" display="Equity and inclusion" xr:uid="{00000000-0004-0000-0300-000036000000}"/>
    <hyperlink ref="B114" location="'6 SocialCapital'!A119" display="Quality of community events" xr:uid="{00000000-0004-0000-0300-000037000000}"/>
    <hyperlink ref="B19" location="'1 IndividualWellbeing'!A119" display="Eudaimonic wellbeing domains" xr:uid="{00000000-0004-0000-0300-000038000000}"/>
    <hyperlink ref="A25" location="'2 CommunityWellbeing'!A1" display="Wellbeing of communities" xr:uid="{00000000-0004-0000-0300-000039000000}"/>
    <hyperlink ref="B22" location="'1 IndividualWellbeing'!A148" display="Emotional Affect Index " xr:uid="{00000000-0004-0000-0300-00003A000000}"/>
    <hyperlink ref="B30" location="'2 CommunityWellbeing'!A32" display="Community wellbeing domains" xr:uid="{00000000-0004-0000-0300-00003B000000}"/>
    <hyperlink ref="B39" location="'2 CommunityWellbeing'!A119" display="Would recommend community" xr:uid="{00000000-0004-0000-0300-00003C000000}"/>
    <hyperlink ref="A80:B80" location="'02'!A68" display="'02'!A68" xr:uid="{00000000-0004-0000-0300-00003D000000}"/>
    <hyperlink ref="B80" location="'4 HumanCapital'!A148" display="Community leadership and collaboration measures" xr:uid="{00000000-0004-0000-0300-00003E000000}"/>
    <hyperlink ref="B97" location="'5 InstitutionalCapital'!A119" display="Equity and inclusion measures" xr:uid="{00000000-0004-0000-0300-00003F000000}"/>
    <hyperlink ref="B123" location="'6 SocialCapital'!A206" display="Sense of belonging measures" xr:uid="{00000000-0004-0000-0300-000040000000}"/>
    <hyperlink ref="A131:B131" location="'02'!A68" display="'02'!A68" xr:uid="{00000000-0004-0000-0300-000041000000}"/>
    <hyperlink ref="B131" location="'7 PhysicalCapital'!A32" display="Access to health and education services measures" xr:uid="{00000000-0004-0000-0300-000042000000}"/>
    <hyperlink ref="B137" location="'7 PhysicalCapital'!A90" display="Access to roads and public transport " xr:uid="{00000000-0004-0000-0300-000043000000}"/>
    <hyperlink ref="B143" location="'7 PhysicalCapital'!A148" display="Access to food measures" xr:uid="{00000000-0004-0000-0300-000044000000}"/>
    <hyperlink ref="B149" location="'7 PhysicalCapital'!A206" display="Access to financial and professional services" xr:uid="{00000000-0004-0000-0300-000045000000}"/>
    <hyperlink ref="B152" location="'7 PhysicalCapital'!A235" display="Access to financial and professional services measures" xr:uid="{00000000-0004-0000-0300-000046000000}"/>
  </hyperlinks>
  <pageMargins left="0.7" right="0.7" top="0.75" bottom="0.75" header="0.3" footer="0.3"/>
  <pageSetup paperSize="9" orientation="portrait" r:id="rId1"/>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400-000000000000}">
  <dimension ref="A1:AX204"/>
  <sheetViews>
    <sheetView zoomScaleNormal="100" zoomScalePageLayoutView="75" workbookViewId="0"/>
  </sheetViews>
  <sheetFormatPr defaultColWidth="20.28515625" defaultRowHeight="15"/>
  <cols>
    <col min="1" max="1" width="49.85546875" style="1" customWidth="1"/>
    <col min="2" max="4" width="20.28515625" style="1" customWidth="1"/>
    <col min="5" max="6" width="20.28515625" style="5" customWidth="1"/>
    <col min="7" max="16384" width="20.28515625" style="1"/>
  </cols>
  <sheetData>
    <row r="1" spans="1:8" ht="31.5">
      <c r="A1" s="30" t="s">
        <v>59</v>
      </c>
    </row>
    <row r="3" spans="1:8" ht="18.75">
      <c r="A3" s="342" t="s">
        <v>68</v>
      </c>
      <c r="B3" s="342"/>
      <c r="C3" s="342"/>
      <c r="D3" s="342"/>
      <c r="E3" s="342"/>
      <c r="F3" s="342"/>
      <c r="G3" s="342"/>
      <c r="H3" s="342"/>
    </row>
    <row r="4" spans="1:8" ht="43.5" customHeight="1">
      <c r="A4" s="344" t="s">
        <v>69</v>
      </c>
      <c r="B4" s="344"/>
      <c r="C4" s="344"/>
      <c r="D4" s="344"/>
      <c r="E4" s="344"/>
      <c r="F4" s="344"/>
      <c r="G4" s="344"/>
      <c r="H4" s="344"/>
    </row>
    <row r="5" spans="1:8" ht="40.5" customHeight="1">
      <c r="A5" s="336" t="s">
        <v>70</v>
      </c>
      <c r="B5" s="337"/>
      <c r="C5" s="337"/>
      <c r="D5" s="337"/>
      <c r="E5" s="337"/>
      <c r="F5" s="337"/>
      <c r="G5" s="337"/>
      <c r="H5" s="337"/>
    </row>
    <row r="6" spans="1:8" ht="45" customHeight="1">
      <c r="A6" s="32" t="s">
        <v>71</v>
      </c>
      <c r="B6" s="33" t="s">
        <v>72</v>
      </c>
      <c r="C6" s="34" t="s">
        <v>591</v>
      </c>
      <c r="D6" s="35" t="s">
        <v>73</v>
      </c>
      <c r="E6" s="33" t="s">
        <v>331</v>
      </c>
      <c r="F6" s="35" t="s">
        <v>335</v>
      </c>
      <c r="G6" s="34" t="s">
        <v>333</v>
      </c>
      <c r="H6" s="35" t="s">
        <v>336</v>
      </c>
    </row>
    <row r="7" spans="1:8" ht="60">
      <c r="A7" s="36"/>
      <c r="B7" s="37" t="s">
        <v>74</v>
      </c>
      <c r="C7" s="38" t="s">
        <v>75</v>
      </c>
      <c r="D7" s="39" t="s">
        <v>76</v>
      </c>
      <c r="E7" s="37" t="s">
        <v>332</v>
      </c>
      <c r="F7" s="86" t="s">
        <v>88</v>
      </c>
      <c r="G7" s="123" t="s">
        <v>334</v>
      </c>
      <c r="H7" s="86" t="s">
        <v>88</v>
      </c>
    </row>
    <row r="8" spans="1:8">
      <c r="A8" s="40" t="s">
        <v>350</v>
      </c>
      <c r="B8" s="41">
        <v>13603</v>
      </c>
      <c r="C8" s="42">
        <v>69.414645476983182</v>
      </c>
      <c r="D8" s="43">
        <v>0.35037310145591</v>
      </c>
      <c r="E8" s="269">
        <v>0.25018988080187143</v>
      </c>
      <c r="F8" s="262">
        <v>7.4268009015894436E-3</v>
      </c>
      <c r="G8" s="269">
        <v>0.35384439625459785</v>
      </c>
      <c r="H8" s="262">
        <v>8.1985197592878839E-3</v>
      </c>
    </row>
    <row r="9" spans="1:8">
      <c r="A9" s="44" t="s">
        <v>351</v>
      </c>
      <c r="B9" s="45">
        <v>10078</v>
      </c>
      <c r="C9" s="46">
        <v>70.952475882326496</v>
      </c>
      <c r="D9" s="47">
        <v>0.39666146567503169</v>
      </c>
      <c r="E9" s="270">
        <v>0.2186499859839999</v>
      </c>
      <c r="F9" s="263">
        <v>8.2344385554779347E-3</v>
      </c>
      <c r="G9" s="270">
        <v>0.38470680343691377</v>
      </c>
      <c r="H9" s="263">
        <v>9.6910829926267501E-3</v>
      </c>
    </row>
    <row r="10" spans="1:8" s="5" customFormat="1">
      <c r="A10" s="40" t="s">
        <v>352</v>
      </c>
      <c r="B10" s="41">
        <v>3525</v>
      </c>
      <c r="C10" s="42">
        <v>68.111747174470864</v>
      </c>
      <c r="D10" s="43">
        <v>0.72343117209105501</v>
      </c>
      <c r="E10" s="269">
        <v>0.27691147199739036</v>
      </c>
      <c r="F10" s="262">
        <v>1.5069284269508867E-2</v>
      </c>
      <c r="G10" s="269">
        <v>0.32769679389896594</v>
      </c>
      <c r="H10" s="262">
        <v>1.5804804968703009E-2</v>
      </c>
    </row>
    <row r="11" spans="1:8" s="5" customFormat="1">
      <c r="A11" s="44" t="s">
        <v>555</v>
      </c>
      <c r="B11" s="45">
        <v>3544</v>
      </c>
      <c r="C11" s="46">
        <v>70.075468644629169</v>
      </c>
      <c r="D11" s="47">
        <v>0.64606838357462204</v>
      </c>
      <c r="E11" s="270">
        <v>0.23291043790232749</v>
      </c>
      <c r="F11" s="263">
        <v>1.4198779058548622E-2</v>
      </c>
      <c r="G11" s="270">
        <v>0.35240639403838875</v>
      </c>
      <c r="H11" s="263">
        <v>1.6041983316495409E-2</v>
      </c>
    </row>
    <row r="12" spans="1:8" s="5" customFormat="1">
      <c r="A12" s="40" t="s">
        <v>556</v>
      </c>
      <c r="B12" s="41">
        <v>2941</v>
      </c>
      <c r="C12" s="42">
        <v>72.685479870191998</v>
      </c>
      <c r="D12" s="43">
        <v>0.69368644284945413</v>
      </c>
      <c r="E12" s="269">
        <v>0.18734996900305056</v>
      </c>
      <c r="F12" s="262">
        <v>1.4392759578846826E-2</v>
      </c>
      <c r="G12" s="269">
        <v>0.40487222857542288</v>
      </c>
      <c r="H12" s="262">
        <v>1.8091458744304657E-2</v>
      </c>
    </row>
    <row r="13" spans="1:8" s="5" customFormat="1">
      <c r="A13" s="44" t="s">
        <v>536</v>
      </c>
      <c r="B13" s="45">
        <v>330</v>
      </c>
      <c r="C13" s="46">
        <v>74.028272572377432</v>
      </c>
      <c r="D13" s="47">
        <v>2.037245279273308</v>
      </c>
      <c r="E13" s="270">
        <v>0.17524600965505718</v>
      </c>
      <c r="F13" s="263">
        <v>4.1964603107702871E-2</v>
      </c>
      <c r="G13" s="270">
        <v>0.42551337930584021</v>
      </c>
      <c r="H13" s="263">
        <v>5.4121601822490255E-2</v>
      </c>
    </row>
    <row r="14" spans="1:8" s="5" customFormat="1">
      <c r="A14" s="40" t="s">
        <v>537</v>
      </c>
      <c r="B14" s="41">
        <v>164</v>
      </c>
      <c r="C14" s="42">
        <v>76.086597931137987</v>
      </c>
      <c r="D14" s="43">
        <v>2.7739031895595216</v>
      </c>
      <c r="E14" s="269">
        <v>0.12588298583834509</v>
      </c>
      <c r="F14" s="262">
        <v>5.2694547877806044E-2</v>
      </c>
      <c r="G14" s="269">
        <v>0.44873420054315671</v>
      </c>
      <c r="H14" s="262">
        <v>7.6764246303039033E-2</v>
      </c>
    </row>
    <row r="15" spans="1:8" s="5" customFormat="1">
      <c r="A15" s="44" t="s">
        <v>538</v>
      </c>
      <c r="B15" s="45">
        <v>88</v>
      </c>
      <c r="C15" s="46">
        <v>69.715744231432907</v>
      </c>
      <c r="D15" s="47">
        <v>4.4083207567793705</v>
      </c>
      <c r="E15" s="270">
        <v>0.29439694228562652</v>
      </c>
      <c r="F15" s="263">
        <v>9.5853908767359414E-2</v>
      </c>
      <c r="G15" s="270">
        <v>0.36811361260532477</v>
      </c>
      <c r="H15" s="263">
        <v>0.10088426931353833</v>
      </c>
    </row>
    <row r="16" spans="1:8" s="5" customFormat="1">
      <c r="A16" s="40" t="s">
        <v>539</v>
      </c>
      <c r="B16" s="41">
        <v>243</v>
      </c>
      <c r="C16" s="42">
        <v>73.980296580709663</v>
      </c>
      <c r="D16" s="43">
        <v>2.2576558016316413</v>
      </c>
      <c r="E16" s="269">
        <v>0.16884614951339863</v>
      </c>
      <c r="F16" s="262">
        <v>4.8267171675745499E-2</v>
      </c>
      <c r="G16" s="269">
        <v>0.41490590042705461</v>
      </c>
      <c r="H16" s="262">
        <v>6.2730271730893503E-2</v>
      </c>
    </row>
    <row r="17" spans="1:8" s="5" customFormat="1">
      <c r="A17" s="44" t="s">
        <v>540</v>
      </c>
      <c r="B17" s="45">
        <v>82</v>
      </c>
      <c r="C17" s="46">
        <v>71.409809060239724</v>
      </c>
      <c r="D17" s="47">
        <v>4.2162925814243977</v>
      </c>
      <c r="E17" s="270">
        <v>0.25658826265918472</v>
      </c>
      <c r="F17" s="263">
        <v>9.5511867194698133E-2</v>
      </c>
      <c r="G17" s="270">
        <v>0.37812411269993812</v>
      </c>
      <c r="H17" s="263">
        <v>0.10487997060894275</v>
      </c>
    </row>
    <row r="18" spans="1:8" s="5" customFormat="1">
      <c r="A18" s="40" t="s">
        <v>541</v>
      </c>
      <c r="B18" s="41">
        <v>91</v>
      </c>
      <c r="C18" s="42">
        <v>75.019707310119884</v>
      </c>
      <c r="D18" s="43">
        <v>3.706319425223398</v>
      </c>
      <c r="E18" s="269">
        <v>0.10903436098721771</v>
      </c>
      <c r="F18" s="262">
        <v>6.7977336158187657E-2</v>
      </c>
      <c r="G18" s="269">
        <v>0.43047580111719019</v>
      </c>
      <c r="H18" s="262">
        <v>0.1016836907027522</v>
      </c>
    </row>
    <row r="19" spans="1:8" s="5" customFormat="1">
      <c r="A19" s="44" t="s">
        <v>542</v>
      </c>
      <c r="B19" s="45">
        <v>70</v>
      </c>
      <c r="C19" s="46">
        <v>75.530217171738656</v>
      </c>
      <c r="D19" s="47">
        <v>3.710249212302497</v>
      </c>
      <c r="E19" s="270">
        <v>0.14413605367588914</v>
      </c>
      <c r="F19" s="263">
        <v>8.5954592354333711E-2</v>
      </c>
      <c r="G19" s="270">
        <v>0.43627680686562953</v>
      </c>
      <c r="H19" s="263">
        <v>0.11539977019590239</v>
      </c>
    </row>
    <row r="20" spans="1:8">
      <c r="A20" s="40" t="s">
        <v>543</v>
      </c>
      <c r="B20" s="41">
        <v>467</v>
      </c>
      <c r="C20" s="42">
        <v>72.269959260935295</v>
      </c>
      <c r="D20" s="43">
        <v>1.8002721980428089</v>
      </c>
      <c r="E20" s="269">
        <v>0.18226758565617654</v>
      </c>
      <c r="F20" s="262">
        <v>3.5781069068561856E-2</v>
      </c>
      <c r="G20" s="269">
        <v>0.40261665936019952</v>
      </c>
      <c r="H20" s="262">
        <v>4.5210231240734616E-2</v>
      </c>
    </row>
    <row r="21" spans="1:8">
      <c r="A21" s="44" t="s">
        <v>616</v>
      </c>
      <c r="B21" s="45">
        <v>241</v>
      </c>
      <c r="C21" s="46">
        <v>73.087280478753542</v>
      </c>
      <c r="D21" s="47">
        <v>2.5012762569830014</v>
      </c>
      <c r="E21" s="270">
        <v>0.17029976448343864</v>
      </c>
      <c r="F21" s="263">
        <v>4.8624884966682866E-2</v>
      </c>
      <c r="G21" s="270">
        <v>0.42767659975076855</v>
      </c>
      <c r="H21" s="263">
        <v>6.323764430890412E-2</v>
      </c>
    </row>
    <row r="22" spans="1:8">
      <c r="A22" s="52" t="s">
        <v>544</v>
      </c>
      <c r="B22" s="41">
        <v>226</v>
      </c>
      <c r="C22" s="42">
        <v>71.537263916240292</v>
      </c>
      <c r="D22" s="43">
        <v>2.5924490292311302</v>
      </c>
      <c r="E22" s="269">
        <v>0.19299625226636835</v>
      </c>
      <c r="F22" s="262">
        <v>5.2585085998369169E-2</v>
      </c>
      <c r="G22" s="269">
        <v>0.38015143851162875</v>
      </c>
      <c r="H22" s="262">
        <v>6.4083041789628578E-2</v>
      </c>
    </row>
    <row r="23" spans="1:8">
      <c r="A23" s="44" t="s">
        <v>545</v>
      </c>
      <c r="B23" s="45">
        <v>111</v>
      </c>
      <c r="C23" s="46">
        <v>71.707768532047467</v>
      </c>
      <c r="D23" s="47">
        <v>3.8837017146650847</v>
      </c>
      <c r="E23" s="270">
        <v>0.19219788986840869</v>
      </c>
      <c r="F23" s="263">
        <v>7.5003535365904067E-2</v>
      </c>
      <c r="G23" s="270">
        <v>0.3777590317808166</v>
      </c>
      <c r="H23" s="263">
        <v>9.0616932919220156E-2</v>
      </c>
    </row>
    <row r="24" spans="1:8">
      <c r="A24" s="52" t="s">
        <v>546</v>
      </c>
      <c r="B24" s="41">
        <v>290</v>
      </c>
      <c r="C24" s="42">
        <v>75.182634985642167</v>
      </c>
      <c r="D24" s="43">
        <v>2.1052391620189397</v>
      </c>
      <c r="E24" s="269">
        <v>0.13701866408347202</v>
      </c>
      <c r="F24" s="262">
        <v>4.0708912444077587E-2</v>
      </c>
      <c r="G24" s="269">
        <v>0.44460778872944767</v>
      </c>
      <c r="H24" s="262">
        <v>5.7971917438006518E-2</v>
      </c>
    </row>
    <row r="25" spans="1:8">
      <c r="A25" s="44" t="s">
        <v>557</v>
      </c>
      <c r="B25" s="45">
        <v>112</v>
      </c>
      <c r="C25" s="46">
        <v>75.004750797874962</v>
      </c>
      <c r="D25" s="47">
        <v>3.4266199562140427</v>
      </c>
      <c r="E25" s="270">
        <v>0.13737748869307817</v>
      </c>
      <c r="F25" s="263">
        <v>6.6284960915333146E-2</v>
      </c>
      <c r="G25" s="270">
        <v>0.40323184611773066</v>
      </c>
      <c r="H25" s="263">
        <v>9.1212254972542164E-2</v>
      </c>
    </row>
    <row r="26" spans="1:8">
      <c r="A26" s="52" t="s">
        <v>558</v>
      </c>
      <c r="B26" s="41">
        <v>114</v>
      </c>
      <c r="C26" s="42">
        <v>76.266666658944388</v>
      </c>
      <c r="D26" s="43">
        <v>3.3514360106969634</v>
      </c>
      <c r="E26" s="269">
        <v>0.12109175802730636</v>
      </c>
      <c r="F26" s="262">
        <v>6.2706533310101717E-2</v>
      </c>
      <c r="G26" s="269">
        <v>0.51801852381577618</v>
      </c>
      <c r="H26" s="262">
        <v>9.2001652723114058E-2</v>
      </c>
    </row>
    <row r="27" spans="1:8">
      <c r="A27" s="44" t="s">
        <v>549</v>
      </c>
      <c r="B27" s="45">
        <v>64</v>
      </c>
      <c r="C27" s="46">
        <v>73.737943042776578</v>
      </c>
      <c r="D27" s="47">
        <v>4.4516744713599996</v>
      </c>
      <c r="E27" s="270">
        <v>0.16219542225919867</v>
      </c>
      <c r="F27" s="263">
        <v>9.3594290154792342E-2</v>
      </c>
      <c r="G27" s="270">
        <v>0.39816756310481616</v>
      </c>
      <c r="H27" s="263">
        <v>0.11901909257796087</v>
      </c>
    </row>
    <row r="28" spans="1:8" s="5" customFormat="1">
      <c r="A28" s="52" t="s">
        <v>550</v>
      </c>
      <c r="B28" s="41">
        <v>157</v>
      </c>
      <c r="C28" s="42">
        <v>71.568833677003155</v>
      </c>
      <c r="D28" s="43">
        <v>3.0551756118199473</v>
      </c>
      <c r="E28" s="269">
        <v>0.23181097574180401</v>
      </c>
      <c r="F28" s="262">
        <v>6.7170716257960325E-2</v>
      </c>
      <c r="G28" s="269">
        <v>0.37392995877448704</v>
      </c>
      <c r="H28" s="262">
        <v>7.6391648763509262E-2</v>
      </c>
    </row>
    <row r="29" spans="1:8" s="5" customFormat="1">
      <c r="A29" s="44" t="s">
        <v>551</v>
      </c>
      <c r="B29" s="45">
        <v>627</v>
      </c>
      <c r="C29" s="46">
        <v>68.28085786439722</v>
      </c>
      <c r="D29" s="47">
        <v>1.6373404737637749</v>
      </c>
      <c r="E29" s="270">
        <v>0.26585357220989098</v>
      </c>
      <c r="F29" s="263">
        <v>3.5236878165611198E-2</v>
      </c>
      <c r="G29" s="270">
        <v>0.31813055067264939</v>
      </c>
      <c r="H29" s="263">
        <v>3.7118180012593122E-2</v>
      </c>
    </row>
    <row r="30" spans="1:8" s="5" customFormat="1"/>
    <row r="32" spans="1:8" ht="18.75">
      <c r="A32" s="342" t="s">
        <v>7</v>
      </c>
      <c r="B32" s="342"/>
      <c r="C32" s="342"/>
      <c r="D32" s="342"/>
      <c r="E32" s="342"/>
      <c r="F32" s="342"/>
      <c r="G32" s="342"/>
      <c r="H32" s="342"/>
    </row>
    <row r="33" spans="1:8" ht="73.5" customHeight="1">
      <c r="A33" s="345" t="s">
        <v>457</v>
      </c>
      <c r="B33" s="345"/>
      <c r="C33" s="345"/>
      <c r="D33" s="345"/>
      <c r="E33" s="345"/>
      <c r="F33" s="345"/>
      <c r="G33" s="345"/>
      <c r="H33" s="345"/>
    </row>
    <row r="34" spans="1:8" ht="39.75" customHeight="1">
      <c r="A34" s="336" t="s">
        <v>77</v>
      </c>
      <c r="B34" s="337"/>
      <c r="C34" s="337"/>
      <c r="D34" s="337"/>
      <c r="E34" s="337"/>
      <c r="F34" s="337"/>
      <c r="G34" s="337"/>
      <c r="H34" s="337"/>
    </row>
    <row r="35" spans="1:8" ht="45" customHeight="1">
      <c r="A35" s="32" t="s">
        <v>71</v>
      </c>
      <c r="B35" s="33" t="s">
        <v>72</v>
      </c>
      <c r="C35" s="34" t="s">
        <v>591</v>
      </c>
      <c r="D35" s="35" t="s">
        <v>73</v>
      </c>
      <c r="E35" s="33" t="s">
        <v>331</v>
      </c>
      <c r="F35" s="35" t="s">
        <v>335</v>
      </c>
      <c r="G35" s="34" t="s">
        <v>333</v>
      </c>
      <c r="H35" s="35" t="s">
        <v>336</v>
      </c>
    </row>
    <row r="36" spans="1:8" ht="67.5" customHeight="1">
      <c r="A36" s="36"/>
      <c r="B36" s="37" t="s">
        <v>74</v>
      </c>
      <c r="C36" s="38" t="s">
        <v>75</v>
      </c>
      <c r="D36" s="39" t="s">
        <v>76</v>
      </c>
      <c r="E36" s="37" t="s">
        <v>332</v>
      </c>
      <c r="F36" s="86" t="s">
        <v>88</v>
      </c>
      <c r="G36" s="123" t="s">
        <v>334</v>
      </c>
      <c r="H36" s="86" t="s">
        <v>88</v>
      </c>
    </row>
    <row r="37" spans="1:8">
      <c r="A37" s="40" t="s">
        <v>350</v>
      </c>
      <c r="B37" s="53">
        <v>13388</v>
      </c>
      <c r="C37" s="54">
        <v>68.207873174728974</v>
      </c>
      <c r="D37" s="55">
        <v>0.31219410610008241</v>
      </c>
      <c r="E37" s="264">
        <v>0.29200125744005584</v>
      </c>
      <c r="F37" s="265">
        <v>7.8585608336742812E-3</v>
      </c>
      <c r="G37" s="264">
        <v>0.29748781954773451</v>
      </c>
      <c r="H37" s="265">
        <v>7.9012217198860726E-3</v>
      </c>
    </row>
    <row r="38" spans="1:8" s="5" customFormat="1">
      <c r="A38" s="44" t="s">
        <v>351</v>
      </c>
      <c r="B38" s="56">
        <v>9889</v>
      </c>
      <c r="C38" s="57">
        <v>69.687648348819224</v>
      </c>
      <c r="D38" s="58">
        <v>0.35282419388633779</v>
      </c>
      <c r="E38" s="266">
        <v>0.26144549542372658</v>
      </c>
      <c r="F38" s="267">
        <v>8.8368927471551059E-3</v>
      </c>
      <c r="G38" s="266">
        <v>0.32979567643007823</v>
      </c>
      <c r="H38" s="267">
        <v>9.4539889739480489E-3</v>
      </c>
    </row>
    <row r="39" spans="1:8" s="5" customFormat="1">
      <c r="A39" s="40" t="s">
        <v>352</v>
      </c>
      <c r="B39" s="49">
        <v>3499</v>
      </c>
      <c r="C39" s="50">
        <v>66.961984852629868</v>
      </c>
      <c r="D39" s="51">
        <v>0.64258535087208368</v>
      </c>
      <c r="E39" s="268">
        <v>0.31772750811347128</v>
      </c>
      <c r="F39" s="265">
        <v>1.5735922680593154E-2</v>
      </c>
      <c r="G39" s="268">
        <v>0.27028640253078789</v>
      </c>
      <c r="H39" s="265">
        <v>1.5011732185328109E-2</v>
      </c>
    </row>
    <row r="40" spans="1:8" s="5" customFormat="1">
      <c r="A40" s="44" t="s">
        <v>555</v>
      </c>
      <c r="B40" s="56">
        <v>3475</v>
      </c>
      <c r="C40" s="57">
        <v>68.740173449456194</v>
      </c>
      <c r="D40" s="58">
        <v>0.59011672679173044</v>
      </c>
      <c r="E40" s="266">
        <v>0.28058356427106412</v>
      </c>
      <c r="F40" s="267">
        <v>1.5238529659393074E-2</v>
      </c>
      <c r="G40" s="266">
        <v>0.30953108498976667</v>
      </c>
      <c r="H40" s="267">
        <v>1.5678758708484182E-2</v>
      </c>
    </row>
    <row r="41" spans="1:8" s="5" customFormat="1">
      <c r="A41" s="40" t="s">
        <v>556</v>
      </c>
      <c r="B41" s="49">
        <v>2878</v>
      </c>
      <c r="C41" s="50">
        <v>70.411441078098761</v>
      </c>
      <c r="D41" s="51">
        <v>0.63360246001302978</v>
      </c>
      <c r="E41" s="268">
        <v>0.23809675651978313</v>
      </c>
      <c r="F41" s="265">
        <v>1.5875861401692455E-2</v>
      </c>
      <c r="G41" s="268">
        <v>0.34724593941614307</v>
      </c>
      <c r="H41" s="265">
        <v>1.7739377901601166E-2</v>
      </c>
    </row>
    <row r="42" spans="1:8" s="5" customFormat="1">
      <c r="A42" s="44" t="s">
        <v>536</v>
      </c>
      <c r="B42" s="56">
        <v>318</v>
      </c>
      <c r="C42" s="57">
        <v>72.531946008446468</v>
      </c>
      <c r="D42" s="58">
        <v>1.7582515695060785</v>
      </c>
      <c r="E42" s="266">
        <v>0.21582879869608884</v>
      </c>
      <c r="F42" s="267">
        <v>4.6121707661655E-2</v>
      </c>
      <c r="G42" s="266">
        <v>0.36534023066079724</v>
      </c>
      <c r="H42" s="267">
        <v>5.3720517137483895E-2</v>
      </c>
    </row>
    <row r="43" spans="1:8" s="5" customFormat="1">
      <c r="A43" s="40" t="s">
        <v>537</v>
      </c>
      <c r="B43" s="49">
        <v>161</v>
      </c>
      <c r="C43" s="50">
        <v>74.036612625898172</v>
      </c>
      <c r="D43" s="51">
        <v>2.3574038286785268</v>
      </c>
      <c r="E43" s="268">
        <v>0.18519648683492401</v>
      </c>
      <c r="F43" s="265">
        <v>6.1426559443423248E-2</v>
      </c>
      <c r="G43" s="268">
        <v>0.38275184196472412</v>
      </c>
      <c r="H43" s="265">
        <v>7.5784593918199777E-2</v>
      </c>
    </row>
    <row r="44" spans="1:8" s="5" customFormat="1">
      <c r="A44" s="44" t="s">
        <v>538</v>
      </c>
      <c r="B44" s="56">
        <v>85</v>
      </c>
      <c r="C44" s="57">
        <v>68.917213042021189</v>
      </c>
      <c r="D44" s="58">
        <v>3.4802337227678186</v>
      </c>
      <c r="E44" s="266">
        <v>0.33152643245414049</v>
      </c>
      <c r="F44" s="267">
        <v>0.10036128801047721</v>
      </c>
      <c r="G44" s="266">
        <v>0.28550230406288923</v>
      </c>
      <c r="H44" s="267">
        <v>9.6694460557219711E-2</v>
      </c>
    </row>
    <row r="45" spans="1:8" s="5" customFormat="1">
      <c r="A45" s="40" t="s">
        <v>539</v>
      </c>
      <c r="B45" s="49">
        <v>241</v>
      </c>
      <c r="C45" s="50">
        <v>72.898625594817787</v>
      </c>
      <c r="D45" s="51">
        <v>1.9816248642794969</v>
      </c>
      <c r="E45" s="268">
        <v>0.16594766137128411</v>
      </c>
      <c r="F45" s="265">
        <v>4.815333950658978E-2</v>
      </c>
      <c r="G45" s="268">
        <v>0.35415987939930038</v>
      </c>
      <c r="H45" s="265">
        <v>6.1201507097333942E-2</v>
      </c>
    </row>
    <row r="46" spans="1:8" s="5" customFormat="1">
      <c r="A46" s="44" t="s">
        <v>540</v>
      </c>
      <c r="B46" s="56">
        <v>81</v>
      </c>
      <c r="C46" s="57">
        <v>69.338180128728212</v>
      </c>
      <c r="D46" s="58">
        <v>3.6180559108540038</v>
      </c>
      <c r="E46" s="266">
        <v>0.20529250444862968</v>
      </c>
      <c r="F46" s="267">
        <v>8.9739363261529689E-2</v>
      </c>
      <c r="G46" s="266">
        <v>0.23435146849177305</v>
      </c>
      <c r="H46" s="267">
        <v>9.3536122408831038E-2</v>
      </c>
    </row>
    <row r="47" spans="1:8" s="5" customFormat="1">
      <c r="A47" s="40" t="s">
        <v>541</v>
      </c>
      <c r="B47" s="53">
        <v>91</v>
      </c>
      <c r="C47" s="54">
        <v>73.330763318784932</v>
      </c>
      <c r="D47" s="55">
        <v>3.4160542758702523</v>
      </c>
      <c r="E47" s="264">
        <v>0.14754598117332626</v>
      </c>
      <c r="F47" s="265">
        <v>7.5677122608465E-2</v>
      </c>
      <c r="G47" s="264">
        <v>0.39647013624366084</v>
      </c>
      <c r="H47" s="265">
        <v>0.10055952308246643</v>
      </c>
    </row>
    <row r="48" spans="1:8">
      <c r="A48" s="44" t="s">
        <v>542</v>
      </c>
      <c r="B48" s="56">
        <v>69</v>
      </c>
      <c r="C48" s="57">
        <v>76.13458239035964</v>
      </c>
      <c r="D48" s="58">
        <v>2.957261476552385</v>
      </c>
      <c r="E48" s="266">
        <v>0.14600161292213712</v>
      </c>
      <c r="F48" s="267">
        <v>8.6970953046747082E-2</v>
      </c>
      <c r="G48" s="266">
        <v>0.43082417316672078</v>
      </c>
      <c r="H48" s="267">
        <v>0.11603607217021747</v>
      </c>
    </row>
    <row r="49" spans="1:50">
      <c r="A49" s="40" t="s">
        <v>543</v>
      </c>
      <c r="B49" s="49">
        <v>461</v>
      </c>
      <c r="C49" s="50">
        <v>69.490273003795053</v>
      </c>
      <c r="D49" s="51">
        <v>1.6654336571578265</v>
      </c>
      <c r="E49" s="268">
        <v>0.26309022230463175</v>
      </c>
      <c r="F49" s="265">
        <v>4.0939001762038012E-2</v>
      </c>
      <c r="G49" s="268">
        <v>0.33250115729953372</v>
      </c>
      <c r="H49" s="265">
        <v>4.3741640616710743E-2</v>
      </c>
    </row>
    <row r="50" spans="1:50">
      <c r="A50" s="44" t="s">
        <v>616</v>
      </c>
      <c r="B50" s="56">
        <v>236</v>
      </c>
      <c r="C50" s="57">
        <v>69.335908316391794</v>
      </c>
      <c r="D50" s="58">
        <v>2.3514944495062178</v>
      </c>
      <c r="E50" s="266">
        <v>0.23195475751569913</v>
      </c>
      <c r="F50" s="267">
        <v>5.485233690975836E-2</v>
      </c>
      <c r="G50" s="266">
        <v>0.30637895123669201</v>
      </c>
      <c r="H50" s="267">
        <v>5.9686697687655929E-2</v>
      </c>
    </row>
    <row r="51" spans="1:50">
      <c r="A51" s="52" t="s">
        <v>544</v>
      </c>
      <c r="B51" s="53">
        <v>225</v>
      </c>
      <c r="C51" s="54">
        <v>69.626101419406382</v>
      </c>
      <c r="D51" s="55">
        <v>2.3622142493302389</v>
      </c>
      <c r="E51" s="264">
        <v>0.29048690818366374</v>
      </c>
      <c r="F51" s="265">
        <v>6.0221475813554928E-2</v>
      </c>
      <c r="G51" s="264">
        <v>0.3554865817607531</v>
      </c>
      <c r="H51" s="265">
        <v>6.3361315960930892E-2</v>
      </c>
    </row>
    <row r="52" spans="1:50">
      <c r="A52" s="44" t="s">
        <v>545</v>
      </c>
      <c r="B52" s="56">
        <v>110</v>
      </c>
      <c r="C52" s="57">
        <v>68.543842193517449</v>
      </c>
      <c r="D52" s="58">
        <v>3.6227512581985413</v>
      </c>
      <c r="E52" s="266">
        <v>0.2831366903891343</v>
      </c>
      <c r="F52" s="267">
        <v>8.5061945210440165E-2</v>
      </c>
      <c r="G52" s="266">
        <v>0.38763985387176164</v>
      </c>
      <c r="H52" s="267">
        <v>9.1430273616924476E-2</v>
      </c>
    </row>
    <row r="53" spans="1:50">
      <c r="A53" s="52" t="s">
        <v>546</v>
      </c>
      <c r="B53" s="53">
        <v>281</v>
      </c>
      <c r="C53" s="54">
        <v>72.02536321699472</v>
      </c>
      <c r="D53" s="55">
        <v>1.8685857871742504</v>
      </c>
      <c r="E53" s="264">
        <v>0.19321096686797176</v>
      </c>
      <c r="F53" s="265">
        <v>4.7165836628745704E-2</v>
      </c>
      <c r="G53" s="264">
        <v>0.34636218342766401</v>
      </c>
      <c r="H53" s="265">
        <v>5.6450985573006859E-2</v>
      </c>
    </row>
    <row r="54" spans="1:50">
      <c r="A54" s="44" t="s">
        <v>557</v>
      </c>
      <c r="B54" s="56">
        <v>107</v>
      </c>
      <c r="C54" s="57">
        <v>73.771146748010977</v>
      </c>
      <c r="D54" s="58">
        <v>2.9764041329739492</v>
      </c>
      <c r="E54" s="266">
        <v>0.21684808919142726</v>
      </c>
      <c r="F54" s="267">
        <v>7.9525452706827579E-2</v>
      </c>
      <c r="G54" s="266">
        <v>0.38100570843344272</v>
      </c>
      <c r="H54" s="267">
        <v>9.2384329551367925E-2</v>
      </c>
    </row>
    <row r="55" spans="1:50">
      <c r="A55" s="52" t="s">
        <v>558</v>
      </c>
      <c r="B55" s="53">
        <v>110</v>
      </c>
      <c r="C55" s="54">
        <v>71.51447902686354</v>
      </c>
      <c r="D55" s="55">
        <v>2.9168771152011099</v>
      </c>
      <c r="E55" s="264">
        <v>0.13761933145657085</v>
      </c>
      <c r="F55" s="265">
        <v>6.6946954123185215E-2</v>
      </c>
      <c r="G55" s="264">
        <v>0.3698614880509406</v>
      </c>
      <c r="H55" s="265">
        <v>9.0656786827316704E-2</v>
      </c>
    </row>
    <row r="56" spans="1:50">
      <c r="A56" s="44" t="s">
        <v>549</v>
      </c>
      <c r="B56" s="56">
        <v>64</v>
      </c>
      <c r="C56" s="57">
        <v>69.822538545900215</v>
      </c>
      <c r="D56" s="58">
        <v>4.1913666128523444</v>
      </c>
      <c r="E56" s="266">
        <v>0.23917106349426967</v>
      </c>
      <c r="F56" s="267">
        <v>0.1056455214336337</v>
      </c>
      <c r="G56" s="266">
        <v>0.25027630985974181</v>
      </c>
      <c r="H56" s="267">
        <v>0.10703462606994013</v>
      </c>
    </row>
    <row r="57" spans="1:50">
      <c r="A57" s="52" t="s">
        <v>550</v>
      </c>
      <c r="B57" s="53">
        <v>155</v>
      </c>
      <c r="C57" s="54">
        <v>68.795715533452167</v>
      </c>
      <c r="D57" s="55">
        <v>2.9294732652344648</v>
      </c>
      <c r="E57" s="264">
        <v>0.2863721559713811</v>
      </c>
      <c r="F57" s="265">
        <v>7.2098893528963162E-2</v>
      </c>
      <c r="G57" s="264">
        <v>0.33173189652676904</v>
      </c>
      <c r="H57" s="265">
        <v>7.4915892003052265E-2</v>
      </c>
    </row>
    <row r="58" spans="1:50">
      <c r="A58" s="44" t="s">
        <v>551</v>
      </c>
      <c r="B58" s="56">
        <v>619</v>
      </c>
      <c r="C58" s="57">
        <v>67.594690880546324</v>
      </c>
      <c r="D58" s="58">
        <v>1.5067412967072262</v>
      </c>
      <c r="E58" s="266">
        <v>0.31056629810513842</v>
      </c>
      <c r="F58" s="267">
        <v>3.7117158443737648E-2</v>
      </c>
      <c r="G58" s="266">
        <v>0.28978888915339296</v>
      </c>
      <c r="H58" s="267">
        <v>3.6401268084191446E-2</v>
      </c>
    </row>
    <row r="59" spans="1:50" s="5" customFormat="1"/>
    <row r="61" spans="1:50" ht="18.75">
      <c r="A61" s="342" t="s">
        <v>32</v>
      </c>
      <c r="B61" s="342"/>
      <c r="C61" s="342"/>
      <c r="D61" s="342"/>
      <c r="E61" s="342"/>
      <c r="F61" s="342"/>
      <c r="G61" s="342"/>
      <c r="H61" s="342"/>
      <c r="I61" s="342"/>
      <c r="J61" s="342"/>
      <c r="K61" s="342"/>
      <c r="L61" s="342"/>
      <c r="M61" s="342"/>
      <c r="N61" s="342"/>
      <c r="O61" s="342"/>
      <c r="P61" s="342"/>
      <c r="Q61" s="342"/>
      <c r="R61" s="342"/>
      <c r="S61" s="342"/>
      <c r="T61" s="342"/>
      <c r="U61" s="342"/>
      <c r="V61" s="342"/>
      <c r="W61" s="342"/>
      <c r="X61" s="342"/>
      <c r="Y61" s="342"/>
      <c r="Z61" s="342"/>
      <c r="AA61" s="342"/>
      <c r="AB61" s="342"/>
      <c r="AC61" s="342"/>
      <c r="AD61" s="342"/>
      <c r="AE61" s="342"/>
      <c r="AF61" s="342"/>
      <c r="AG61" s="342"/>
      <c r="AH61" s="342"/>
      <c r="AI61" s="342"/>
      <c r="AJ61" s="342"/>
      <c r="AK61" s="342"/>
      <c r="AL61" s="342"/>
      <c r="AM61" s="342"/>
      <c r="AN61" s="342"/>
      <c r="AO61" s="342"/>
      <c r="AP61" s="342"/>
      <c r="AQ61" s="342"/>
      <c r="AR61" s="342"/>
      <c r="AS61" s="342"/>
      <c r="AT61" s="342"/>
      <c r="AU61" s="342"/>
      <c r="AV61" s="342"/>
      <c r="AW61" s="342"/>
      <c r="AX61" s="342"/>
    </row>
    <row r="62" spans="1:50" ht="70.5" customHeight="1">
      <c r="A62" s="341" t="s">
        <v>581</v>
      </c>
      <c r="B62" s="341"/>
      <c r="C62" s="341"/>
      <c r="D62" s="341"/>
      <c r="E62" s="341"/>
      <c r="F62" s="341"/>
      <c r="G62" s="341"/>
      <c r="H62" s="341"/>
      <c r="I62" s="341"/>
      <c r="J62" s="341"/>
      <c r="K62" s="341"/>
      <c r="L62" s="341"/>
      <c r="M62" s="341"/>
      <c r="N62" s="341"/>
      <c r="O62" s="341"/>
      <c r="P62" s="341"/>
      <c r="Q62" s="341"/>
      <c r="R62" s="341"/>
      <c r="S62" s="341"/>
      <c r="T62" s="341"/>
      <c r="U62" s="341"/>
      <c r="V62" s="341"/>
      <c r="W62" s="341"/>
      <c r="X62" s="341"/>
      <c r="Y62" s="341"/>
      <c r="Z62" s="341"/>
      <c r="AA62" s="341"/>
      <c r="AB62" s="341"/>
      <c r="AC62" s="341"/>
      <c r="AD62" s="341"/>
      <c r="AE62" s="341"/>
      <c r="AF62" s="341"/>
      <c r="AG62" s="341"/>
      <c r="AH62" s="341"/>
      <c r="AI62" s="341"/>
      <c r="AJ62" s="341"/>
      <c r="AK62" s="341"/>
      <c r="AL62" s="341"/>
      <c r="AM62" s="341"/>
      <c r="AN62" s="341"/>
      <c r="AO62" s="341"/>
      <c r="AP62" s="341"/>
      <c r="AQ62" s="341"/>
      <c r="AR62" s="341"/>
      <c r="AS62" s="341"/>
      <c r="AT62" s="341"/>
      <c r="AU62" s="341"/>
      <c r="AV62" s="341"/>
      <c r="AW62" s="341"/>
      <c r="AX62" s="341"/>
    </row>
    <row r="63" spans="1:50" ht="32.25" customHeight="1">
      <c r="A63" s="300" t="s">
        <v>78</v>
      </c>
      <c r="B63" s="338" t="s">
        <v>79</v>
      </c>
      <c r="C63" s="339"/>
      <c r="D63" s="339"/>
      <c r="E63" s="339"/>
      <c r="F63" s="339"/>
      <c r="G63" s="339"/>
      <c r="H63" s="340"/>
      <c r="I63" s="338" t="s">
        <v>337</v>
      </c>
      <c r="J63" s="339"/>
      <c r="K63" s="339"/>
      <c r="L63" s="339"/>
      <c r="M63" s="339"/>
      <c r="N63" s="339"/>
      <c r="O63" s="340"/>
      <c r="P63" s="338" t="s">
        <v>338</v>
      </c>
      <c r="Q63" s="339"/>
      <c r="R63" s="339"/>
      <c r="S63" s="339"/>
      <c r="T63" s="339"/>
      <c r="U63" s="339"/>
      <c r="V63" s="340"/>
      <c r="W63" s="338" t="s">
        <v>80</v>
      </c>
      <c r="X63" s="339"/>
      <c r="Y63" s="339"/>
      <c r="Z63" s="339"/>
      <c r="AA63" s="339"/>
      <c r="AB63" s="339"/>
      <c r="AC63" s="340"/>
      <c r="AD63" s="338" t="s">
        <v>81</v>
      </c>
      <c r="AE63" s="339"/>
      <c r="AF63" s="339"/>
      <c r="AG63" s="339"/>
      <c r="AH63" s="339"/>
      <c r="AI63" s="339"/>
      <c r="AJ63" s="340"/>
      <c r="AK63" s="338" t="s">
        <v>82</v>
      </c>
      <c r="AL63" s="339"/>
      <c r="AM63" s="339"/>
      <c r="AN63" s="339"/>
      <c r="AO63" s="339"/>
      <c r="AP63" s="339"/>
      <c r="AQ63" s="340"/>
      <c r="AR63" s="338" t="s">
        <v>83</v>
      </c>
      <c r="AS63" s="339"/>
      <c r="AT63" s="339"/>
      <c r="AU63" s="339"/>
      <c r="AV63" s="339"/>
      <c r="AW63" s="339"/>
      <c r="AX63" s="340"/>
    </row>
    <row r="64" spans="1:50" ht="43.5" customHeight="1">
      <c r="A64" s="32" t="s">
        <v>71</v>
      </c>
      <c r="B64" s="33" t="s">
        <v>72</v>
      </c>
      <c r="C64" s="34" t="s">
        <v>591</v>
      </c>
      <c r="D64" s="35" t="s">
        <v>73</v>
      </c>
      <c r="E64" s="34" t="s">
        <v>331</v>
      </c>
      <c r="F64" s="35" t="s">
        <v>335</v>
      </c>
      <c r="G64" s="34" t="s">
        <v>333</v>
      </c>
      <c r="H64" s="35" t="s">
        <v>336</v>
      </c>
      <c r="I64" s="60" t="s">
        <v>72</v>
      </c>
      <c r="J64" s="61" t="s">
        <v>591</v>
      </c>
      <c r="K64" s="62" t="s">
        <v>73</v>
      </c>
      <c r="L64" s="61" t="s">
        <v>331</v>
      </c>
      <c r="M64" s="62" t="s">
        <v>335</v>
      </c>
      <c r="N64" s="61" t="s">
        <v>333</v>
      </c>
      <c r="O64" s="62" t="s">
        <v>336</v>
      </c>
      <c r="P64" s="33" t="s">
        <v>72</v>
      </c>
      <c r="Q64" s="34" t="s">
        <v>591</v>
      </c>
      <c r="R64" s="35" t="s">
        <v>73</v>
      </c>
      <c r="S64" s="34" t="s">
        <v>331</v>
      </c>
      <c r="T64" s="35" t="s">
        <v>335</v>
      </c>
      <c r="U64" s="34" t="s">
        <v>333</v>
      </c>
      <c r="V64" s="35" t="s">
        <v>336</v>
      </c>
      <c r="W64" s="60" t="s">
        <v>72</v>
      </c>
      <c r="X64" s="61" t="s">
        <v>591</v>
      </c>
      <c r="Y64" s="62" t="s">
        <v>73</v>
      </c>
      <c r="Z64" s="61" t="s">
        <v>331</v>
      </c>
      <c r="AA64" s="62" t="s">
        <v>335</v>
      </c>
      <c r="AB64" s="61" t="s">
        <v>333</v>
      </c>
      <c r="AC64" s="62" t="s">
        <v>336</v>
      </c>
      <c r="AD64" s="33" t="s">
        <v>72</v>
      </c>
      <c r="AE64" s="34" t="s">
        <v>591</v>
      </c>
      <c r="AF64" s="35" t="s">
        <v>73</v>
      </c>
      <c r="AG64" s="34" t="s">
        <v>331</v>
      </c>
      <c r="AH64" s="35" t="s">
        <v>335</v>
      </c>
      <c r="AI64" s="34" t="s">
        <v>333</v>
      </c>
      <c r="AJ64" s="35" t="s">
        <v>336</v>
      </c>
      <c r="AK64" s="60" t="s">
        <v>72</v>
      </c>
      <c r="AL64" s="61" t="s">
        <v>591</v>
      </c>
      <c r="AM64" s="62" t="s">
        <v>73</v>
      </c>
      <c r="AN64" s="61" t="s">
        <v>331</v>
      </c>
      <c r="AO64" s="62" t="s">
        <v>335</v>
      </c>
      <c r="AP64" s="61" t="s">
        <v>333</v>
      </c>
      <c r="AQ64" s="62" t="s">
        <v>336</v>
      </c>
      <c r="AR64" s="33" t="s">
        <v>72</v>
      </c>
      <c r="AS64" s="34" t="s">
        <v>591</v>
      </c>
      <c r="AT64" s="35" t="s">
        <v>73</v>
      </c>
      <c r="AU64" s="34" t="s">
        <v>331</v>
      </c>
      <c r="AV64" s="35" t="s">
        <v>335</v>
      </c>
      <c r="AW64" s="34" t="s">
        <v>333</v>
      </c>
      <c r="AX64" s="35" t="s">
        <v>336</v>
      </c>
    </row>
    <row r="65" spans="1:50" ht="69" customHeight="1">
      <c r="A65" s="36"/>
      <c r="B65" s="37" t="s">
        <v>74</v>
      </c>
      <c r="C65" s="38" t="s">
        <v>75</v>
      </c>
      <c r="D65" s="39" t="s">
        <v>76</v>
      </c>
      <c r="E65" s="38" t="s">
        <v>332</v>
      </c>
      <c r="F65" s="86" t="s">
        <v>88</v>
      </c>
      <c r="G65" s="38" t="s">
        <v>334</v>
      </c>
      <c r="H65" s="86" t="s">
        <v>88</v>
      </c>
      <c r="I65" s="63" t="s">
        <v>74</v>
      </c>
      <c r="J65" s="64" t="s">
        <v>75</v>
      </c>
      <c r="K65" s="65" t="s">
        <v>76</v>
      </c>
      <c r="L65" s="64" t="s">
        <v>332</v>
      </c>
      <c r="M65" s="65" t="s">
        <v>76</v>
      </c>
      <c r="N65" s="64" t="s">
        <v>334</v>
      </c>
      <c r="O65" s="65" t="s">
        <v>88</v>
      </c>
      <c r="P65" s="37" t="s">
        <v>74</v>
      </c>
      <c r="Q65" s="38" t="s">
        <v>75</v>
      </c>
      <c r="R65" s="39" t="s">
        <v>76</v>
      </c>
      <c r="S65" s="38" t="s">
        <v>332</v>
      </c>
      <c r="T65" s="39" t="s">
        <v>88</v>
      </c>
      <c r="U65" s="38" t="s">
        <v>334</v>
      </c>
      <c r="V65" s="39" t="s">
        <v>88</v>
      </c>
      <c r="W65" s="63" t="s">
        <v>74</v>
      </c>
      <c r="X65" s="64" t="s">
        <v>75</v>
      </c>
      <c r="Y65" s="65" t="s">
        <v>76</v>
      </c>
      <c r="Z65" s="64" t="s">
        <v>332</v>
      </c>
      <c r="AA65" s="65" t="s">
        <v>88</v>
      </c>
      <c r="AB65" s="64" t="s">
        <v>334</v>
      </c>
      <c r="AC65" s="65" t="s">
        <v>88</v>
      </c>
      <c r="AD65" s="37" t="s">
        <v>74</v>
      </c>
      <c r="AE65" s="38" t="s">
        <v>75</v>
      </c>
      <c r="AF65" s="39" t="s">
        <v>76</v>
      </c>
      <c r="AG65" s="38" t="s">
        <v>332</v>
      </c>
      <c r="AH65" s="39" t="s">
        <v>88</v>
      </c>
      <c r="AI65" s="38" t="s">
        <v>334</v>
      </c>
      <c r="AJ65" s="39" t="s">
        <v>88</v>
      </c>
      <c r="AK65" s="63" t="s">
        <v>74</v>
      </c>
      <c r="AL65" s="64" t="s">
        <v>75</v>
      </c>
      <c r="AM65" s="65" t="s">
        <v>76</v>
      </c>
      <c r="AN65" s="64" t="s">
        <v>332</v>
      </c>
      <c r="AO65" s="65" t="s">
        <v>88</v>
      </c>
      <c r="AP65" s="64" t="s">
        <v>334</v>
      </c>
      <c r="AQ65" s="65" t="s">
        <v>88</v>
      </c>
      <c r="AR65" s="37" t="s">
        <v>74</v>
      </c>
      <c r="AS65" s="38" t="s">
        <v>75</v>
      </c>
      <c r="AT65" s="39" t="s">
        <v>76</v>
      </c>
      <c r="AU65" s="38" t="s">
        <v>332</v>
      </c>
      <c r="AV65" s="39" t="s">
        <v>88</v>
      </c>
      <c r="AW65" s="38" t="s">
        <v>334</v>
      </c>
      <c r="AX65" s="39" t="s">
        <v>88</v>
      </c>
    </row>
    <row r="66" spans="1:50">
      <c r="A66" s="40" t="s">
        <v>350</v>
      </c>
      <c r="B66" s="66">
        <v>13570</v>
      </c>
      <c r="C66" s="67">
        <v>71.438630345390308</v>
      </c>
      <c r="D66" s="68">
        <v>0.35337904261092806</v>
      </c>
      <c r="E66" s="271">
        <v>0.240466845408177</v>
      </c>
      <c r="F66" s="272">
        <v>7.3370964794701836E-3</v>
      </c>
      <c r="G66" s="273">
        <v>0.40087115027287756</v>
      </c>
      <c r="H66" s="272">
        <v>8.4128631801001236E-3</v>
      </c>
      <c r="I66" s="66">
        <v>13556</v>
      </c>
      <c r="J66" s="67">
        <v>67.249706894513793</v>
      </c>
      <c r="K66" s="68">
        <v>0.39074111841170045</v>
      </c>
      <c r="L66" s="271">
        <v>0.30006086316616065</v>
      </c>
      <c r="M66" s="272">
        <v>7.8715334654811085E-3</v>
      </c>
      <c r="N66" s="273">
        <v>0.32844081781997503</v>
      </c>
      <c r="O66" s="272">
        <v>8.0665522454644312E-3</v>
      </c>
      <c r="P66" s="66">
        <v>13533</v>
      </c>
      <c r="Q66" s="67">
        <v>65.322654533475699</v>
      </c>
      <c r="R66" s="68">
        <v>0.4054703749536423</v>
      </c>
      <c r="S66" s="271">
        <v>0.34047814760760325</v>
      </c>
      <c r="T66" s="272">
        <v>8.1459649654541111E-3</v>
      </c>
      <c r="U66" s="273">
        <v>0.31825195682542395</v>
      </c>
      <c r="V66" s="272">
        <v>8.0072945826806866E-3</v>
      </c>
      <c r="W66" s="66">
        <v>13522</v>
      </c>
      <c r="X66" s="67">
        <v>71.045567311173087</v>
      </c>
      <c r="Y66" s="68">
        <v>0.42066220326834314</v>
      </c>
      <c r="Z66" s="271">
        <v>0.2735156750950844</v>
      </c>
      <c r="AA66" s="272">
        <v>7.6662448437937727E-3</v>
      </c>
      <c r="AB66" s="273">
        <v>0.44866137810191631</v>
      </c>
      <c r="AC66" s="272">
        <v>8.5529360242496532E-3</v>
      </c>
      <c r="AD66" s="66">
        <v>13549</v>
      </c>
      <c r="AE66" s="67">
        <v>74.042393617335378</v>
      </c>
      <c r="AF66" s="68">
        <v>0.36492693047760022</v>
      </c>
      <c r="AG66" s="271">
        <v>0.21918160250748378</v>
      </c>
      <c r="AH66" s="272">
        <v>7.1080158760762173E-3</v>
      </c>
      <c r="AI66" s="273">
        <v>0.48085613989649967</v>
      </c>
      <c r="AJ66" s="272">
        <v>8.5834900597652631E-3</v>
      </c>
      <c r="AK66" s="66">
        <v>13525</v>
      </c>
      <c r="AL66" s="67">
        <v>64.115309634413777</v>
      </c>
      <c r="AM66" s="68">
        <v>0.42139710288579496</v>
      </c>
      <c r="AN66" s="271">
        <v>0.37418317763397418</v>
      </c>
      <c r="AO66" s="272">
        <v>8.3209243159596807E-3</v>
      </c>
      <c r="AP66" s="273">
        <v>0.29474715129768669</v>
      </c>
      <c r="AQ66" s="272">
        <v>7.8400782607710145E-3</v>
      </c>
      <c r="AR66" s="66">
        <v>13529</v>
      </c>
      <c r="AS66" s="67">
        <v>64.674676425130073</v>
      </c>
      <c r="AT66" s="68">
        <v>0.43499056656587498</v>
      </c>
      <c r="AU66" s="271">
        <v>0.36491027912587382</v>
      </c>
      <c r="AV66" s="272">
        <v>8.2766321104891776E-3</v>
      </c>
      <c r="AW66" s="273">
        <v>0.32030615518574806</v>
      </c>
      <c r="AX66" s="272">
        <v>8.0221596477630282E-3</v>
      </c>
    </row>
    <row r="67" spans="1:50" s="5" customFormat="1">
      <c r="A67" s="44" t="s">
        <v>351</v>
      </c>
      <c r="B67" s="69">
        <v>10055</v>
      </c>
      <c r="C67" s="70">
        <v>73.164697367354762</v>
      </c>
      <c r="D67" s="71">
        <v>0.40048464601374079</v>
      </c>
      <c r="E67" s="274">
        <v>0.20987679526600334</v>
      </c>
      <c r="F67" s="275">
        <v>8.1221281139804268E-3</v>
      </c>
      <c r="G67" s="276">
        <v>0.43607647042244929</v>
      </c>
      <c r="H67" s="275">
        <v>9.8888751877334678E-3</v>
      </c>
      <c r="I67" s="69">
        <v>10043</v>
      </c>
      <c r="J67" s="70">
        <v>66.862155971112429</v>
      </c>
      <c r="K67" s="71">
        <v>0.45433726982971639</v>
      </c>
      <c r="L67" s="274">
        <v>0.30751297821261192</v>
      </c>
      <c r="M67" s="275">
        <v>9.2082990362279665E-3</v>
      </c>
      <c r="N67" s="276">
        <v>0.3300229878843946</v>
      </c>
      <c r="O67" s="275">
        <v>9.3828857711381556E-3</v>
      </c>
      <c r="P67" s="69">
        <v>10027</v>
      </c>
      <c r="Q67" s="70">
        <v>66.791836467068165</v>
      </c>
      <c r="R67" s="71">
        <v>0.46551816361235671</v>
      </c>
      <c r="S67" s="274">
        <v>0.31635250540374288</v>
      </c>
      <c r="T67" s="275">
        <v>9.2872392196801778E-3</v>
      </c>
      <c r="U67" s="276">
        <v>0.34251780998900488</v>
      </c>
      <c r="V67" s="275">
        <v>9.4767739960541098E-3</v>
      </c>
      <c r="W67" s="69">
        <v>10016</v>
      </c>
      <c r="X67" s="70">
        <v>73.037939169361266</v>
      </c>
      <c r="Y67" s="71">
        <v>0.47861896107427071</v>
      </c>
      <c r="Z67" s="274">
        <v>0.24646932655942103</v>
      </c>
      <c r="AA67" s="275">
        <v>8.6116827991018323E-3</v>
      </c>
      <c r="AB67" s="276">
        <v>0.48841836026437457</v>
      </c>
      <c r="AC67" s="275">
        <v>9.9873367464312877E-3</v>
      </c>
      <c r="AD67" s="69">
        <v>10042</v>
      </c>
      <c r="AE67" s="70">
        <v>76.524111162024013</v>
      </c>
      <c r="AF67" s="71">
        <v>0.40950905192480291</v>
      </c>
      <c r="AG67" s="274">
        <v>0.18469742367316946</v>
      </c>
      <c r="AH67" s="275">
        <v>7.7452839747371976E-3</v>
      </c>
      <c r="AI67" s="276">
        <v>0.52778538758003091</v>
      </c>
      <c r="AJ67" s="275">
        <v>9.9616742556273893E-3</v>
      </c>
      <c r="AK67" s="69">
        <v>10025</v>
      </c>
      <c r="AL67" s="70">
        <v>66.892036120047791</v>
      </c>
      <c r="AM67" s="71">
        <v>0.48085713434636318</v>
      </c>
      <c r="AN67" s="274">
        <v>0.32610143263671432</v>
      </c>
      <c r="AO67" s="275">
        <v>9.3626465751574205E-3</v>
      </c>
      <c r="AP67" s="276">
        <v>0.33752311325959089</v>
      </c>
      <c r="AQ67" s="275">
        <v>9.4440602605184599E-3</v>
      </c>
      <c r="AR67" s="69">
        <v>10021</v>
      </c>
      <c r="AS67" s="70">
        <v>65.681533639053356</v>
      </c>
      <c r="AT67" s="71">
        <v>0.5044151860498951</v>
      </c>
      <c r="AU67" s="274">
        <v>0.34756852736597621</v>
      </c>
      <c r="AV67" s="275">
        <v>9.5124684552233083E-3</v>
      </c>
      <c r="AW67" s="276">
        <v>0.34075583167763918</v>
      </c>
      <c r="AX67" s="275">
        <v>9.4678672150871439E-3</v>
      </c>
    </row>
    <row r="68" spans="1:50" s="5" customFormat="1">
      <c r="A68" s="40" t="s">
        <v>352</v>
      </c>
      <c r="B68" s="49">
        <v>3515</v>
      </c>
      <c r="C68" s="50">
        <v>69.976615823825824</v>
      </c>
      <c r="D68" s="51">
        <v>0.72461273116365144</v>
      </c>
      <c r="E68" s="268">
        <v>0.26637725152457892</v>
      </c>
      <c r="F68" s="277">
        <v>1.4908813318692257E-2</v>
      </c>
      <c r="G68" s="268">
        <v>0.37105151485892707</v>
      </c>
      <c r="H68" s="277">
        <v>1.6288464832602888E-2</v>
      </c>
      <c r="I68" s="49">
        <v>3513</v>
      </c>
      <c r="J68" s="50">
        <v>67.577772556268499</v>
      </c>
      <c r="K68" s="51">
        <v>0.76498159555816492</v>
      </c>
      <c r="L68" s="268">
        <v>0.29375257461215459</v>
      </c>
      <c r="M68" s="277">
        <v>1.5364353363018937E-2</v>
      </c>
      <c r="N68" s="268">
        <v>0.3271014953261957</v>
      </c>
      <c r="O68" s="277">
        <v>1.5824386942336503E-2</v>
      </c>
      <c r="P68" s="49">
        <v>3506</v>
      </c>
      <c r="Q68" s="50">
        <v>64.076642051783381</v>
      </c>
      <c r="R68" s="51">
        <v>0.80960608416473434</v>
      </c>
      <c r="S68" s="268">
        <v>0.36093909300008564</v>
      </c>
      <c r="T68" s="277">
        <v>1.6214590668248423E-2</v>
      </c>
      <c r="U68" s="268">
        <v>0.29767209858632715</v>
      </c>
      <c r="V68" s="277">
        <v>1.5438755758263732E-2</v>
      </c>
      <c r="W68" s="49">
        <v>3506</v>
      </c>
      <c r="X68" s="50">
        <v>69.35603935690294</v>
      </c>
      <c r="Y68" s="51">
        <v>0.86006341989208956</v>
      </c>
      <c r="Z68" s="268">
        <v>0.29645093274998163</v>
      </c>
      <c r="AA68" s="277">
        <v>1.5420493849944388E-2</v>
      </c>
      <c r="AB68" s="268">
        <v>0.41494752470408403</v>
      </c>
      <c r="AC68" s="277">
        <v>1.6633558727091127E-2</v>
      </c>
      <c r="AD68" s="49">
        <v>3507</v>
      </c>
      <c r="AE68" s="50">
        <v>71.939223780586431</v>
      </c>
      <c r="AF68" s="51">
        <v>0.75907590917583134</v>
      </c>
      <c r="AG68" s="268">
        <v>0.24840575209880325</v>
      </c>
      <c r="AH68" s="277">
        <v>1.4589980835254365E-2</v>
      </c>
      <c r="AI68" s="268">
        <v>0.44108522462831345</v>
      </c>
      <c r="AJ68" s="277">
        <v>1.6759289129489815E-2</v>
      </c>
      <c r="AK68" s="49">
        <v>3500</v>
      </c>
      <c r="AL68" s="50">
        <v>61.758635626394216</v>
      </c>
      <c r="AM68" s="51">
        <v>0.83583430222926502</v>
      </c>
      <c r="AN68" s="268">
        <v>0.41499130161793196</v>
      </c>
      <c r="AO68" s="277">
        <v>1.6648049325318787E-2</v>
      </c>
      <c r="AP68" s="268">
        <v>0.2584421719468955</v>
      </c>
      <c r="AQ68" s="277">
        <v>1.4796294089987715E-2</v>
      </c>
      <c r="AR68" s="49">
        <v>3508</v>
      </c>
      <c r="AS68" s="50">
        <v>63.824219254449147</v>
      </c>
      <c r="AT68" s="51">
        <v>0.84786993618243456</v>
      </c>
      <c r="AU68" s="268">
        <v>0.37955825197883186</v>
      </c>
      <c r="AV68" s="277">
        <v>1.637845445261624E-2</v>
      </c>
      <c r="AW68" s="268">
        <v>0.30303302671217563</v>
      </c>
      <c r="AX68" s="277">
        <v>1.5512957867430328E-2</v>
      </c>
    </row>
    <row r="69" spans="1:50" s="5" customFormat="1">
      <c r="A69" s="44" t="s">
        <v>555</v>
      </c>
      <c r="B69" s="69">
        <v>3544</v>
      </c>
      <c r="C69" s="70">
        <v>72.005021414137204</v>
      </c>
      <c r="D69" s="71">
        <v>0.66528222526134995</v>
      </c>
      <c r="E69" s="274">
        <v>0.22819856246080586</v>
      </c>
      <c r="F69" s="275">
        <v>1.4097840578955806E-2</v>
      </c>
      <c r="G69" s="276">
        <v>0.40384892085470858</v>
      </c>
      <c r="H69" s="275">
        <v>1.6475727897247279E-2</v>
      </c>
      <c r="I69" s="69">
        <v>3534</v>
      </c>
      <c r="J69" s="70">
        <v>67.977069340430248</v>
      </c>
      <c r="K69" s="71">
        <v>0.75481804108335393</v>
      </c>
      <c r="L69" s="274">
        <v>0.29081462232335659</v>
      </c>
      <c r="M69" s="275">
        <v>1.527366218091053E-2</v>
      </c>
      <c r="N69" s="276">
        <v>0.33985933255040435</v>
      </c>
      <c r="O69" s="275">
        <v>1.5928504815996038E-2</v>
      </c>
      <c r="P69" s="69">
        <v>3525</v>
      </c>
      <c r="Q69" s="70">
        <v>66.053826610837206</v>
      </c>
      <c r="R69" s="71">
        <v>0.779025992988994</v>
      </c>
      <c r="S69" s="274">
        <v>0.32964533047798189</v>
      </c>
      <c r="T69" s="275">
        <v>1.582867459252538E-2</v>
      </c>
      <c r="U69" s="276">
        <v>0.33892767237919819</v>
      </c>
      <c r="V69" s="275">
        <v>1.5938194806668939E-2</v>
      </c>
      <c r="W69" s="69">
        <v>3517</v>
      </c>
      <c r="X69" s="70">
        <v>71.186045002789825</v>
      </c>
      <c r="Y69" s="71">
        <v>0.8019014791167971</v>
      </c>
      <c r="Z69" s="274">
        <v>0.27237967385910339</v>
      </c>
      <c r="AA69" s="275">
        <v>1.500947874779497E-2</v>
      </c>
      <c r="AB69" s="276">
        <v>0.44873086852200472</v>
      </c>
      <c r="AC69" s="275">
        <v>1.6763976098070048E-2</v>
      </c>
      <c r="AD69" s="69">
        <v>3534</v>
      </c>
      <c r="AE69" s="70">
        <v>75.242050352819334</v>
      </c>
      <c r="AF69" s="71">
        <v>0.6874146971012981</v>
      </c>
      <c r="AG69" s="274">
        <v>0.21501693370423422</v>
      </c>
      <c r="AH69" s="275">
        <v>1.3821448393675143E-2</v>
      </c>
      <c r="AI69" s="276">
        <v>0.51515599065355944</v>
      </c>
      <c r="AJ69" s="275">
        <v>1.6804358066612311E-2</v>
      </c>
      <c r="AK69" s="69">
        <v>3523</v>
      </c>
      <c r="AL69" s="70">
        <v>64.394208182177849</v>
      </c>
      <c r="AM69" s="71">
        <v>0.81175803805158531</v>
      </c>
      <c r="AN69" s="274">
        <v>0.37159255989258944</v>
      </c>
      <c r="AO69" s="275">
        <v>1.6274819698321428E-2</v>
      </c>
      <c r="AP69" s="276">
        <v>0.30366329576212236</v>
      </c>
      <c r="AQ69" s="275">
        <v>1.5488978655946751E-2</v>
      </c>
      <c r="AR69" s="69">
        <v>3528</v>
      </c>
      <c r="AS69" s="70">
        <v>65.056748066577754</v>
      </c>
      <c r="AT69" s="71">
        <v>0.85112965799685636</v>
      </c>
      <c r="AU69" s="274">
        <v>0.35641450640471745</v>
      </c>
      <c r="AV69" s="275">
        <v>1.6119242692663984E-2</v>
      </c>
      <c r="AW69" s="276">
        <v>0.34069841958767377</v>
      </c>
      <c r="AX69" s="275">
        <v>1.5951528112080809E-2</v>
      </c>
    </row>
    <row r="70" spans="1:50" s="5" customFormat="1">
      <c r="A70" s="40" t="s">
        <v>556</v>
      </c>
      <c r="B70" s="49">
        <v>2942</v>
      </c>
      <c r="C70" s="50">
        <v>74.553665052020335</v>
      </c>
      <c r="D70" s="51">
        <v>0.7158145148546734</v>
      </c>
      <c r="E70" s="268">
        <v>0.19631103783214945</v>
      </c>
      <c r="F70" s="277">
        <v>1.4647859828577066E-2</v>
      </c>
      <c r="G70" s="268">
        <v>0.46282237729233844</v>
      </c>
      <c r="H70" s="277">
        <v>1.8373125064118069E-2</v>
      </c>
      <c r="I70" s="49">
        <v>2932</v>
      </c>
      <c r="J70" s="50">
        <v>66.880650121426086</v>
      </c>
      <c r="K70" s="51">
        <v>0.83881109608887916</v>
      </c>
      <c r="L70" s="268">
        <v>0.31424134290084149</v>
      </c>
      <c r="M70" s="277">
        <v>1.7138149988960898E-2</v>
      </c>
      <c r="N70" s="268">
        <v>0.33371713725975666</v>
      </c>
      <c r="O70" s="277">
        <v>1.7407806933916286E-2</v>
      </c>
      <c r="P70" s="49">
        <v>2929</v>
      </c>
      <c r="Q70" s="50">
        <v>67.859949063312243</v>
      </c>
      <c r="R70" s="51">
        <v>0.8434582923177224</v>
      </c>
      <c r="S70" s="268">
        <v>0.30338583715302969</v>
      </c>
      <c r="T70" s="277">
        <v>1.6981498107860055E-2</v>
      </c>
      <c r="U70" s="268">
        <v>0.35662888482132693</v>
      </c>
      <c r="V70" s="277">
        <v>1.7691555532326746E-2</v>
      </c>
      <c r="W70" s="49">
        <v>2918</v>
      </c>
      <c r="X70" s="50">
        <v>73.999848342095888</v>
      </c>
      <c r="Y70" s="51">
        <v>0.86030282878793141</v>
      </c>
      <c r="Z70" s="268">
        <v>0.22729844502594479</v>
      </c>
      <c r="AA70" s="277">
        <v>1.5514772980084027E-2</v>
      </c>
      <c r="AB70" s="268">
        <v>0.49834035525288384</v>
      </c>
      <c r="AC70" s="277">
        <v>1.8499394263363181E-2</v>
      </c>
      <c r="AD70" s="49">
        <v>2936</v>
      </c>
      <c r="AE70" s="50">
        <v>77.225200855653</v>
      </c>
      <c r="AF70" s="51">
        <v>0.73907354976242645</v>
      </c>
      <c r="AG70" s="268">
        <v>0.1815103420324668</v>
      </c>
      <c r="AH70" s="277">
        <v>1.4230376889161624E-2</v>
      </c>
      <c r="AI70" s="268">
        <v>0.5538085032925042</v>
      </c>
      <c r="AJ70" s="277">
        <v>1.8335962141681462E-2</v>
      </c>
      <c r="AK70" s="49">
        <v>2924</v>
      </c>
      <c r="AL70" s="50">
        <v>68.639300078883423</v>
      </c>
      <c r="AM70" s="51">
        <v>0.87110846587475277</v>
      </c>
      <c r="AN70" s="268">
        <v>0.29547540742666933</v>
      </c>
      <c r="AO70" s="277">
        <v>1.6868338734931473E-2</v>
      </c>
      <c r="AP70" s="268">
        <v>0.35666736147497519</v>
      </c>
      <c r="AQ70" s="277">
        <v>1.7707082657591654E-2</v>
      </c>
      <c r="AR70" s="49">
        <v>2928</v>
      </c>
      <c r="AS70" s="50">
        <v>65.426919273816367</v>
      </c>
      <c r="AT70" s="51">
        <v>0.93269776407900717</v>
      </c>
      <c r="AU70" s="268">
        <v>0.35718814236473162</v>
      </c>
      <c r="AV70" s="277">
        <v>1.7700725045061105E-2</v>
      </c>
      <c r="AW70" s="268">
        <v>0.34926755685933925</v>
      </c>
      <c r="AX70" s="277">
        <v>1.7611143100888602E-2</v>
      </c>
    </row>
    <row r="71" spans="1:50" s="5" customFormat="1">
      <c r="A71" s="44" t="s">
        <v>536</v>
      </c>
      <c r="B71" s="69">
        <v>330</v>
      </c>
      <c r="C71" s="70">
        <v>76.232506992589123</v>
      </c>
      <c r="D71" s="71">
        <v>2.0667334311032541</v>
      </c>
      <c r="E71" s="274">
        <v>0.17766429166571132</v>
      </c>
      <c r="F71" s="275">
        <v>4.2182014969941249E-2</v>
      </c>
      <c r="G71" s="276">
        <v>0.51303642140769501</v>
      </c>
      <c r="H71" s="275">
        <v>5.4699406991879689E-2</v>
      </c>
      <c r="I71" s="69">
        <v>329</v>
      </c>
      <c r="J71" s="70">
        <v>68.149528449284759</v>
      </c>
      <c r="K71" s="71">
        <v>2.4996516463898915</v>
      </c>
      <c r="L71" s="274">
        <v>0.30196086269022676</v>
      </c>
      <c r="M71" s="275">
        <v>5.0429631808501969E-2</v>
      </c>
      <c r="N71" s="276">
        <v>0.36877507830155082</v>
      </c>
      <c r="O71" s="275">
        <v>5.2925379902212591E-2</v>
      </c>
      <c r="P71" s="69">
        <v>325</v>
      </c>
      <c r="Q71" s="70">
        <v>68.498654709034994</v>
      </c>
      <c r="R71" s="71">
        <v>2.5144314626475932</v>
      </c>
      <c r="S71" s="274">
        <v>0.29971460199254929</v>
      </c>
      <c r="T71" s="275">
        <v>5.0631903873611543E-2</v>
      </c>
      <c r="U71" s="276">
        <v>0.36343455559021648</v>
      </c>
      <c r="V71" s="275">
        <v>5.3087141865612683E-2</v>
      </c>
      <c r="W71" s="69">
        <v>327</v>
      </c>
      <c r="X71" s="70">
        <v>75.634294660356261</v>
      </c>
      <c r="Y71" s="71">
        <v>2.3150777696758262</v>
      </c>
      <c r="Z71" s="274">
        <v>0.19346039592654549</v>
      </c>
      <c r="AA71" s="275">
        <v>4.3736486784982813E-2</v>
      </c>
      <c r="AB71" s="276">
        <v>0.48294578912547659</v>
      </c>
      <c r="AC71" s="275">
        <v>5.4933757519116812E-2</v>
      </c>
      <c r="AD71" s="69">
        <v>327</v>
      </c>
      <c r="AE71" s="70">
        <v>78.794741312325684</v>
      </c>
      <c r="AF71" s="71">
        <v>2.052361876639289</v>
      </c>
      <c r="AG71" s="274">
        <v>0.1338717242071818</v>
      </c>
      <c r="AH71" s="275">
        <v>3.7948985704977282E-2</v>
      </c>
      <c r="AI71" s="276">
        <v>0.5631537176206366</v>
      </c>
      <c r="AJ71" s="275">
        <v>5.4535381312048228E-2</v>
      </c>
      <c r="AK71" s="69">
        <v>326</v>
      </c>
      <c r="AL71" s="70">
        <v>70.124010272574807</v>
      </c>
      <c r="AM71" s="71">
        <v>2.6151736037609719</v>
      </c>
      <c r="AN71" s="274">
        <v>0.26885406368531245</v>
      </c>
      <c r="AO71" s="275">
        <v>4.8972341138600099E-2</v>
      </c>
      <c r="AP71" s="276">
        <v>0.38546789241941326</v>
      </c>
      <c r="AQ71" s="275">
        <v>5.3620266584434036E-2</v>
      </c>
      <c r="AR71" s="69">
        <v>325</v>
      </c>
      <c r="AS71" s="70">
        <v>70.429861675452273</v>
      </c>
      <c r="AT71" s="71">
        <v>2.567841182498932</v>
      </c>
      <c r="AU71" s="274">
        <v>0.28144645384020978</v>
      </c>
      <c r="AV71" s="275">
        <v>4.9727373667670369E-2</v>
      </c>
      <c r="AW71" s="276">
        <v>0.43857187901711325</v>
      </c>
      <c r="AX71" s="275">
        <v>5.4724264098438134E-2</v>
      </c>
    </row>
    <row r="72" spans="1:50" s="5" customFormat="1">
      <c r="A72" s="40" t="s">
        <v>537</v>
      </c>
      <c r="B72" s="49">
        <v>163</v>
      </c>
      <c r="C72" s="50">
        <v>79.827669972074318</v>
      </c>
      <c r="D72" s="51">
        <v>2.5030409030701</v>
      </c>
      <c r="E72" s="268">
        <v>0.12766309093940373</v>
      </c>
      <c r="F72" s="277">
        <v>5.3146927232786967E-2</v>
      </c>
      <c r="G72" s="268">
        <v>0.58335232585813923</v>
      </c>
      <c r="H72" s="277">
        <v>7.6351099433514244E-2</v>
      </c>
      <c r="I72" s="49">
        <v>164</v>
      </c>
      <c r="J72" s="50">
        <v>71.623853612959707</v>
      </c>
      <c r="K72" s="51">
        <v>3.2454893871385382</v>
      </c>
      <c r="L72" s="268">
        <v>0.26510696831328362</v>
      </c>
      <c r="M72" s="277">
        <v>6.8560253977054592E-2</v>
      </c>
      <c r="N72" s="268">
        <v>0.42941398279838539</v>
      </c>
      <c r="O72" s="277">
        <v>7.641553789917982E-2</v>
      </c>
      <c r="P72" s="49">
        <v>163</v>
      </c>
      <c r="Q72" s="50">
        <v>71.247635338555341</v>
      </c>
      <c r="R72" s="51">
        <v>3.2476562389102064</v>
      </c>
      <c r="S72" s="268">
        <v>0.25780855564310856</v>
      </c>
      <c r="T72" s="277">
        <v>6.818775670313898E-2</v>
      </c>
      <c r="U72" s="268">
        <v>0.39327006716731594</v>
      </c>
      <c r="V72" s="277">
        <v>7.5684165078110197E-2</v>
      </c>
      <c r="W72" s="49">
        <v>163</v>
      </c>
      <c r="X72" s="50">
        <v>76.965597339563985</v>
      </c>
      <c r="Y72" s="51">
        <v>3.1201629342695583</v>
      </c>
      <c r="Z72" s="268">
        <v>0.19156589112587014</v>
      </c>
      <c r="AA72" s="277">
        <v>6.1784060030080606E-2</v>
      </c>
      <c r="AB72" s="268">
        <v>0.49569744099970314</v>
      </c>
      <c r="AC72" s="277">
        <v>7.7379593802082244E-2</v>
      </c>
      <c r="AD72" s="49">
        <v>164</v>
      </c>
      <c r="AE72" s="50">
        <v>77.327955385477068</v>
      </c>
      <c r="AF72" s="51">
        <v>3.0761443628783942</v>
      </c>
      <c r="AG72" s="268">
        <v>0.14608259151663744</v>
      </c>
      <c r="AH72" s="277">
        <v>5.5770811764259791E-2</v>
      </c>
      <c r="AI72" s="268">
        <v>0.52063575447227128</v>
      </c>
      <c r="AJ72" s="277">
        <v>7.7089033569641099E-2</v>
      </c>
      <c r="AK72" s="49">
        <v>163</v>
      </c>
      <c r="AL72" s="50">
        <v>69.580461295320617</v>
      </c>
      <c r="AM72" s="51">
        <v>3.6740592907900016</v>
      </c>
      <c r="AN72" s="268">
        <v>0.27022628957822248</v>
      </c>
      <c r="AO72" s="277">
        <v>6.9161427152999042E-2</v>
      </c>
      <c r="AP72" s="268">
        <v>0.35719524660430302</v>
      </c>
      <c r="AQ72" s="277">
        <v>7.4314757428435421E-2</v>
      </c>
      <c r="AR72" s="49">
        <v>163</v>
      </c>
      <c r="AS72" s="50">
        <v>72.89160797347985</v>
      </c>
      <c r="AT72" s="51">
        <v>3.4284403069957508</v>
      </c>
      <c r="AU72" s="268">
        <v>0.25346103778018803</v>
      </c>
      <c r="AV72" s="277">
        <v>6.7831308248277877E-2</v>
      </c>
      <c r="AW72" s="268">
        <v>0.50026433125216063</v>
      </c>
      <c r="AX72" s="277">
        <v>7.7382312951661897E-2</v>
      </c>
    </row>
    <row r="73" spans="1:50" s="5" customFormat="1">
      <c r="A73" s="44" t="s">
        <v>538</v>
      </c>
      <c r="B73" s="69">
        <v>89</v>
      </c>
      <c r="C73" s="70">
        <v>70.414662026169907</v>
      </c>
      <c r="D73" s="71">
        <v>4.2608723501784542</v>
      </c>
      <c r="E73" s="274">
        <v>0.24651263257500294</v>
      </c>
      <c r="F73" s="275">
        <v>9.0673150612215342E-2</v>
      </c>
      <c r="G73" s="276">
        <v>0.31559893070462569</v>
      </c>
      <c r="H73" s="275">
        <v>9.7021978530066708E-2</v>
      </c>
      <c r="I73" s="69">
        <v>87</v>
      </c>
      <c r="J73" s="70">
        <v>58.438157710156652</v>
      </c>
      <c r="K73" s="71">
        <v>4.9636501677587264</v>
      </c>
      <c r="L73" s="274">
        <v>0.39269219851643128</v>
      </c>
      <c r="M73" s="275">
        <v>0.10259813674365181</v>
      </c>
      <c r="N73" s="276">
        <v>0.17249824189721083</v>
      </c>
      <c r="O73" s="275">
        <v>8.1729810802410471E-2</v>
      </c>
      <c r="P73" s="69">
        <v>87</v>
      </c>
      <c r="Q73" s="70">
        <v>61.217092209246239</v>
      </c>
      <c r="R73" s="71">
        <v>5.2770457744539216</v>
      </c>
      <c r="S73" s="274">
        <v>0.3900125899426245</v>
      </c>
      <c r="T73" s="275">
        <v>0.10248406768506697</v>
      </c>
      <c r="U73" s="276">
        <v>0.22636614500401836</v>
      </c>
      <c r="V73" s="275">
        <v>8.9335103003575708E-2</v>
      </c>
      <c r="W73" s="69">
        <v>86</v>
      </c>
      <c r="X73" s="70">
        <v>72.912107082070904</v>
      </c>
      <c r="Y73" s="71">
        <v>4.7394704970461703</v>
      </c>
      <c r="Z73" s="274">
        <v>0.19306634964670696</v>
      </c>
      <c r="AA73" s="275">
        <v>8.5369708898885593E-2</v>
      </c>
      <c r="AB73" s="276">
        <v>0.4484018035333226</v>
      </c>
      <c r="AC73" s="275">
        <v>0.10489550833877649</v>
      </c>
      <c r="AD73" s="69">
        <v>87</v>
      </c>
      <c r="AE73" s="70">
        <v>81.477790180040714</v>
      </c>
      <c r="AF73" s="71">
        <v>3.5219575204312541</v>
      </c>
      <c r="AG73" s="274">
        <v>8.2154521133351366E-2</v>
      </c>
      <c r="AH73" s="275">
        <v>6.3042568030744858E-2</v>
      </c>
      <c r="AI73" s="276">
        <v>0.60524258783400908</v>
      </c>
      <c r="AJ73" s="275">
        <v>0.10268404797625769</v>
      </c>
      <c r="AK73" s="69">
        <v>87</v>
      </c>
      <c r="AL73" s="70">
        <v>73.128515295161492</v>
      </c>
      <c r="AM73" s="71">
        <v>4.7273069160985912</v>
      </c>
      <c r="AN73" s="274">
        <v>0.26476390974957636</v>
      </c>
      <c r="AO73" s="275">
        <v>9.3625808911367459E-2</v>
      </c>
      <c r="AP73" s="276">
        <v>0.45761855133658275</v>
      </c>
      <c r="AQ73" s="275">
        <v>0.10448371215437104</v>
      </c>
      <c r="AR73" s="69">
        <v>87</v>
      </c>
      <c r="AS73" s="70">
        <v>64.746082730094983</v>
      </c>
      <c r="AT73" s="71">
        <v>5.2816067405874323</v>
      </c>
      <c r="AU73" s="274">
        <v>0.37070206133346817</v>
      </c>
      <c r="AV73" s="275">
        <v>0.10157430068401754</v>
      </c>
      <c r="AW73" s="276">
        <v>0.31098297621295296</v>
      </c>
      <c r="AX73" s="275">
        <v>9.7742520686224493E-2</v>
      </c>
    </row>
    <row r="74" spans="1:50" s="5" customFormat="1">
      <c r="A74" s="40" t="s">
        <v>539</v>
      </c>
      <c r="B74" s="49">
        <v>244</v>
      </c>
      <c r="C74" s="50">
        <v>76.605076115501518</v>
      </c>
      <c r="D74" s="51">
        <v>2.3127912676411428</v>
      </c>
      <c r="E74" s="268">
        <v>0.1337026218228253</v>
      </c>
      <c r="F74" s="277">
        <v>4.4016036688809324E-2</v>
      </c>
      <c r="G74" s="268">
        <v>0.47226667731570759</v>
      </c>
      <c r="H74" s="277">
        <v>6.3405438049339471E-2</v>
      </c>
      <c r="I74" s="49">
        <v>244</v>
      </c>
      <c r="J74" s="50">
        <v>66.163148243962112</v>
      </c>
      <c r="K74" s="51">
        <v>2.8017645150227724</v>
      </c>
      <c r="L74" s="268">
        <v>0.32889776459984171</v>
      </c>
      <c r="M74" s="277">
        <v>5.9792759745048933E-2</v>
      </c>
      <c r="N74" s="268">
        <v>0.25433641100560545</v>
      </c>
      <c r="O74" s="277">
        <v>5.5587840195242828E-2</v>
      </c>
      <c r="P74" s="49">
        <v>242</v>
      </c>
      <c r="Q74" s="50">
        <v>71.514630009445739</v>
      </c>
      <c r="R74" s="51">
        <v>2.8687521672583007</v>
      </c>
      <c r="S74" s="268">
        <v>0.21846905397320512</v>
      </c>
      <c r="T74" s="277">
        <v>5.3083294126972762E-2</v>
      </c>
      <c r="U74" s="268">
        <v>0.40333239132366971</v>
      </c>
      <c r="V74" s="277">
        <v>6.2593902541410923E-2</v>
      </c>
      <c r="W74" s="49">
        <v>243</v>
      </c>
      <c r="X74" s="50">
        <v>76.393398582308365</v>
      </c>
      <c r="Y74" s="51">
        <v>2.9659191001077567</v>
      </c>
      <c r="Z74" s="268">
        <v>0.17464655077912888</v>
      </c>
      <c r="AA74" s="277">
        <v>4.8881558858335936E-2</v>
      </c>
      <c r="AB74" s="268">
        <v>0.49082380759715621</v>
      </c>
      <c r="AC74" s="277">
        <v>6.36181043436225E-2</v>
      </c>
      <c r="AD74" s="49">
        <v>244</v>
      </c>
      <c r="AE74" s="50">
        <v>79.134660386135167</v>
      </c>
      <c r="AF74" s="51">
        <v>2.3774701589455405</v>
      </c>
      <c r="AG74" s="268">
        <v>0.15049532792734363</v>
      </c>
      <c r="AH74" s="277">
        <v>4.6098621923865331E-2</v>
      </c>
      <c r="AI74" s="268">
        <v>0.58639102154225609</v>
      </c>
      <c r="AJ74" s="277">
        <v>6.2575812721333751E-2</v>
      </c>
      <c r="AK74" s="49">
        <v>240</v>
      </c>
      <c r="AL74" s="50">
        <v>73.611372340306616</v>
      </c>
      <c r="AM74" s="51">
        <v>3.0599632506270855</v>
      </c>
      <c r="AN74" s="268">
        <v>0.21924494888964358</v>
      </c>
      <c r="AO74" s="277">
        <v>5.3368467329862966E-2</v>
      </c>
      <c r="AP74" s="268">
        <v>0.46592751539322697</v>
      </c>
      <c r="AQ74" s="277">
        <v>6.3874469259497899E-2</v>
      </c>
      <c r="AR74" s="49">
        <v>242</v>
      </c>
      <c r="AS74" s="50">
        <v>68.811192482600404</v>
      </c>
      <c r="AT74" s="51">
        <v>3.0364764201602172</v>
      </c>
      <c r="AU74" s="268">
        <v>0.30809275421361471</v>
      </c>
      <c r="AV74" s="277">
        <v>5.9038301347872024E-2</v>
      </c>
      <c r="AW74" s="268">
        <v>0.36857975394669024</v>
      </c>
      <c r="AX74" s="277">
        <v>6.15894907359604E-2</v>
      </c>
    </row>
    <row r="75" spans="1:50" s="5" customFormat="1">
      <c r="A75" s="44" t="s">
        <v>540</v>
      </c>
      <c r="B75" s="69">
        <v>82</v>
      </c>
      <c r="C75" s="70">
        <v>72.861319064170857</v>
      </c>
      <c r="D75" s="71">
        <v>4.0613145998330369</v>
      </c>
      <c r="E75" s="274">
        <v>0.17325276939711579</v>
      </c>
      <c r="F75" s="275">
        <v>8.4340614448816312E-2</v>
      </c>
      <c r="G75" s="276">
        <v>0.36404677332477264</v>
      </c>
      <c r="H75" s="275">
        <v>0.1041457184783908</v>
      </c>
      <c r="I75" s="69">
        <v>82</v>
      </c>
      <c r="J75" s="70">
        <v>64.27712986270393</v>
      </c>
      <c r="K75" s="71">
        <v>4.9742206372820457</v>
      </c>
      <c r="L75" s="274">
        <v>0.35814992032859166</v>
      </c>
      <c r="M75" s="275">
        <v>0.10381261918089046</v>
      </c>
      <c r="N75" s="276">
        <v>0.18256195241559822</v>
      </c>
      <c r="O75" s="275">
        <v>8.5830758331009921E-2</v>
      </c>
      <c r="P75" s="69">
        <v>82</v>
      </c>
      <c r="Q75" s="70">
        <v>69.111016224862254</v>
      </c>
      <c r="R75" s="71">
        <v>5.4368765566206179</v>
      </c>
      <c r="S75" s="274">
        <v>0.26494452188186846</v>
      </c>
      <c r="T75" s="275">
        <v>9.6392856763118887E-2</v>
      </c>
      <c r="U75" s="276">
        <v>0.37513846349636382</v>
      </c>
      <c r="V75" s="275">
        <v>0.10473135945930169</v>
      </c>
      <c r="W75" s="69">
        <v>82</v>
      </c>
      <c r="X75" s="70">
        <v>73.426617221046584</v>
      </c>
      <c r="Y75" s="71">
        <v>5.4538011079493511</v>
      </c>
      <c r="Z75" s="274">
        <v>0.21409198261643828</v>
      </c>
      <c r="AA75" s="275">
        <v>9.0395463001510259E-2</v>
      </c>
      <c r="AB75" s="276">
        <v>0.39736248953840186</v>
      </c>
      <c r="AC75" s="275">
        <v>0.10574710981872855</v>
      </c>
      <c r="AD75" s="69">
        <v>82</v>
      </c>
      <c r="AE75" s="70">
        <v>75.995225933217895</v>
      </c>
      <c r="AF75" s="71">
        <v>4.9453066584498009</v>
      </c>
      <c r="AG75" s="274">
        <v>0.23595948810689404</v>
      </c>
      <c r="AH75" s="275">
        <v>9.316579995085629E-2</v>
      </c>
      <c r="AI75" s="276">
        <v>0.5731941882373266</v>
      </c>
      <c r="AJ75" s="275">
        <v>0.10677718221204363</v>
      </c>
      <c r="AK75" s="69">
        <v>79</v>
      </c>
      <c r="AL75" s="70">
        <v>73.226260047087081</v>
      </c>
      <c r="AM75" s="71">
        <v>5.713580845789493</v>
      </c>
      <c r="AN75" s="274">
        <v>0.18956238742398493</v>
      </c>
      <c r="AO75" s="275">
        <v>8.8547443431223796E-2</v>
      </c>
      <c r="AP75" s="276">
        <v>0.49400630334741602</v>
      </c>
      <c r="AQ75" s="275">
        <v>0.10975711514816713</v>
      </c>
      <c r="AR75" s="69">
        <v>81</v>
      </c>
      <c r="AS75" s="70">
        <v>62.657382105996135</v>
      </c>
      <c r="AT75" s="71">
        <v>5.3130154898596427</v>
      </c>
      <c r="AU75" s="274">
        <v>0.35425595462610387</v>
      </c>
      <c r="AV75" s="275">
        <v>0.10419683123034026</v>
      </c>
      <c r="AW75" s="276">
        <v>0.23195025934537758</v>
      </c>
      <c r="AX75" s="275">
        <v>9.3242917728546523E-2</v>
      </c>
    </row>
    <row r="76" spans="1:50" s="5" customFormat="1">
      <c r="A76" s="40" t="s">
        <v>541</v>
      </c>
      <c r="B76" s="66">
        <v>91</v>
      </c>
      <c r="C76" s="67">
        <v>76.770577979255791</v>
      </c>
      <c r="D76" s="68">
        <v>4.0424529563138414</v>
      </c>
      <c r="E76" s="271">
        <v>0.13236985439494162</v>
      </c>
      <c r="F76" s="272">
        <v>7.2834256304813258E-2</v>
      </c>
      <c r="G76" s="273">
        <v>0.50965823652765951</v>
      </c>
      <c r="H76" s="272">
        <v>0.1025802706750978</v>
      </c>
      <c r="I76" s="66">
        <v>91</v>
      </c>
      <c r="J76" s="67">
        <v>65.883734538891389</v>
      </c>
      <c r="K76" s="68">
        <v>4.8280148280102848</v>
      </c>
      <c r="L76" s="271">
        <v>0.34429565360879338</v>
      </c>
      <c r="M76" s="272">
        <v>9.7926881973403726E-2</v>
      </c>
      <c r="N76" s="273">
        <v>0.31038622533471139</v>
      </c>
      <c r="O76" s="272">
        <v>9.5589149293401232E-2</v>
      </c>
      <c r="P76" s="66">
        <v>90</v>
      </c>
      <c r="Q76" s="67">
        <v>72.315121084474313</v>
      </c>
      <c r="R76" s="68">
        <v>4.5221322806823609</v>
      </c>
      <c r="S76" s="271">
        <v>0.15828093200918752</v>
      </c>
      <c r="T76" s="272">
        <v>7.7994726189993716E-2</v>
      </c>
      <c r="U76" s="273">
        <v>0.45106321664057858</v>
      </c>
      <c r="V76" s="272">
        <v>0.10268826369963896</v>
      </c>
      <c r="W76" s="66">
        <v>91</v>
      </c>
      <c r="X76" s="67">
        <v>75.29828892134411</v>
      </c>
      <c r="Y76" s="68">
        <v>5.0811752200998734</v>
      </c>
      <c r="Z76" s="271">
        <v>0.19015227908716195</v>
      </c>
      <c r="AA76" s="272">
        <v>8.256643104127738E-2</v>
      </c>
      <c r="AB76" s="273">
        <v>0.49296754501978357</v>
      </c>
      <c r="AC76" s="272">
        <v>0.10258852332794573</v>
      </c>
      <c r="AD76" s="66">
        <v>91</v>
      </c>
      <c r="AE76" s="67">
        <v>79.566889467385238</v>
      </c>
      <c r="AF76" s="68">
        <v>3.4627672197078114</v>
      </c>
      <c r="AG76" s="271">
        <v>0.12635176825332381</v>
      </c>
      <c r="AH76" s="272">
        <v>7.1641319997522782E-2</v>
      </c>
      <c r="AI76" s="273">
        <v>0.59613854051691428</v>
      </c>
      <c r="AJ76" s="272">
        <v>0.10084262278244679</v>
      </c>
      <c r="AK76" s="66">
        <v>91</v>
      </c>
      <c r="AL76" s="67">
        <v>72.115998891260489</v>
      </c>
      <c r="AM76" s="68">
        <v>5.0597030314634992</v>
      </c>
      <c r="AN76" s="271">
        <v>0.2295965740565753</v>
      </c>
      <c r="AO76" s="272">
        <v>8.7757960460409665E-2</v>
      </c>
      <c r="AP76" s="273">
        <v>0.39480265268653836</v>
      </c>
      <c r="AQ76" s="272">
        <v>0.1004926419164022</v>
      </c>
      <c r="AR76" s="66">
        <v>91</v>
      </c>
      <c r="AS76" s="67">
        <v>71.596365390388982</v>
      </c>
      <c r="AT76" s="68">
        <v>5.3523122667610163</v>
      </c>
      <c r="AU76" s="271">
        <v>0.27371735504997136</v>
      </c>
      <c r="AV76" s="272">
        <v>9.2455916013632483E-2</v>
      </c>
      <c r="AW76" s="273">
        <v>0.39816743812820293</v>
      </c>
      <c r="AX76" s="272">
        <v>0.10062645824513165</v>
      </c>
    </row>
    <row r="77" spans="1:50">
      <c r="A77" s="44" t="s">
        <v>542</v>
      </c>
      <c r="B77" s="69">
        <v>71</v>
      </c>
      <c r="C77" s="70">
        <v>80.340214132187143</v>
      </c>
      <c r="D77" s="71">
        <v>3.5341372702248992</v>
      </c>
      <c r="E77" s="274">
        <v>9.3772563338663642E-2</v>
      </c>
      <c r="F77" s="275">
        <v>7.3796870262695324E-2</v>
      </c>
      <c r="G77" s="276">
        <v>0.54328994282984333</v>
      </c>
      <c r="H77" s="275">
        <v>0.11508154689782971</v>
      </c>
      <c r="I77" s="69">
        <v>71</v>
      </c>
      <c r="J77" s="70">
        <v>68.455901641267403</v>
      </c>
      <c r="K77" s="71">
        <v>4.538702979176743</v>
      </c>
      <c r="L77" s="274">
        <v>0.28080032158326956</v>
      </c>
      <c r="M77" s="275">
        <v>0.10505617619146886</v>
      </c>
      <c r="N77" s="276">
        <v>0.26603086098479578</v>
      </c>
      <c r="O77" s="275">
        <v>0.10352245030308388</v>
      </c>
      <c r="P77" s="69">
        <v>70</v>
      </c>
      <c r="Q77" s="70">
        <v>73.1827724535502</v>
      </c>
      <c r="R77" s="71">
        <v>4.8777337574631572</v>
      </c>
      <c r="S77" s="274">
        <v>0.23689658618921025</v>
      </c>
      <c r="T77" s="275">
        <v>0.10082308438189161</v>
      </c>
      <c r="U77" s="276">
        <v>0.37943679725141111</v>
      </c>
      <c r="V77" s="275">
        <v>0.1131832877655832</v>
      </c>
      <c r="W77" s="69">
        <v>70</v>
      </c>
      <c r="X77" s="70">
        <v>80.841401684835688</v>
      </c>
      <c r="Y77" s="71">
        <v>4.5674778249225696</v>
      </c>
      <c r="Z77" s="274">
        <v>0.1144116373460978</v>
      </c>
      <c r="AA77" s="275">
        <v>7.9512208473778212E-2</v>
      </c>
      <c r="AB77" s="276">
        <v>0.58848681963065819</v>
      </c>
      <c r="AC77" s="275">
        <v>0.11460712739513623</v>
      </c>
      <c r="AD77" s="69">
        <v>71</v>
      </c>
      <c r="AE77" s="70">
        <v>81.934367063930338</v>
      </c>
      <c r="AF77" s="71">
        <v>3.8020742602975681</v>
      </c>
      <c r="AG77" s="274">
        <v>8.8303974854746448E-2</v>
      </c>
      <c r="AH77" s="275">
        <v>7.2333887627315699E-2</v>
      </c>
      <c r="AI77" s="276">
        <v>0.58917360581966971</v>
      </c>
      <c r="AJ77" s="275">
        <v>0.11381239657698929</v>
      </c>
      <c r="AK77" s="69">
        <v>70</v>
      </c>
      <c r="AL77" s="70">
        <v>75.738488327386108</v>
      </c>
      <c r="AM77" s="71">
        <v>5.0840048347164544</v>
      </c>
      <c r="AN77" s="274">
        <v>0.2376409476027504</v>
      </c>
      <c r="AO77" s="275">
        <v>0.10091686099965308</v>
      </c>
      <c r="AP77" s="276">
        <v>0.51959639380605394</v>
      </c>
      <c r="AQ77" s="275">
        <v>0.11616772004495703</v>
      </c>
      <c r="AR77" s="69">
        <v>70</v>
      </c>
      <c r="AS77" s="70">
        <v>72.0033857872466</v>
      </c>
      <c r="AT77" s="71">
        <v>4.821658960403024</v>
      </c>
      <c r="AU77" s="274">
        <v>0.29976927134097581</v>
      </c>
      <c r="AV77" s="275">
        <v>0.10758398840700772</v>
      </c>
      <c r="AW77" s="276">
        <v>0.47682471575663254</v>
      </c>
      <c r="AX77" s="275">
        <v>0.11613584801505425</v>
      </c>
    </row>
    <row r="78" spans="1:50">
      <c r="A78" s="40" t="s">
        <v>543</v>
      </c>
      <c r="B78" s="49">
        <v>468</v>
      </c>
      <c r="C78" s="50">
        <v>74.281157120310013</v>
      </c>
      <c r="D78" s="51">
        <v>1.8721370674868325</v>
      </c>
      <c r="E78" s="268">
        <v>0.18831829751059204</v>
      </c>
      <c r="F78" s="277">
        <v>3.6183861127298378E-2</v>
      </c>
      <c r="G78" s="268">
        <v>0.44479063516838607</v>
      </c>
      <c r="H78" s="277">
        <v>4.5752037038799147E-2</v>
      </c>
      <c r="I78" s="49">
        <v>466</v>
      </c>
      <c r="J78" s="50">
        <v>66.360195685987321</v>
      </c>
      <c r="K78" s="51">
        <v>2.1909296610673925</v>
      </c>
      <c r="L78" s="268">
        <v>0.32392839085506564</v>
      </c>
      <c r="M78" s="277">
        <v>4.3223734929939986E-2</v>
      </c>
      <c r="N78" s="268">
        <v>0.34126323518272306</v>
      </c>
      <c r="O78" s="277">
        <v>4.3781829094772975E-2</v>
      </c>
      <c r="P78" s="49">
        <v>468</v>
      </c>
      <c r="Q78" s="50">
        <v>66.978919773871297</v>
      </c>
      <c r="R78" s="51">
        <v>2.1917820494189191</v>
      </c>
      <c r="S78" s="268">
        <v>0.31817962710499864</v>
      </c>
      <c r="T78" s="277">
        <v>4.2932672344494521E-2</v>
      </c>
      <c r="U78" s="268">
        <v>0.34578903547159823</v>
      </c>
      <c r="V78" s="277">
        <v>4.3823639107498473E-2</v>
      </c>
      <c r="W78" s="49">
        <v>465</v>
      </c>
      <c r="X78" s="50">
        <v>74.437764385030746</v>
      </c>
      <c r="Y78" s="51">
        <v>2.2005623108874293</v>
      </c>
      <c r="Z78" s="268">
        <v>0.22168137344297961</v>
      </c>
      <c r="AA78" s="277">
        <v>3.8506711218648126E-2</v>
      </c>
      <c r="AB78" s="268">
        <v>0.51535500057711314</v>
      </c>
      <c r="AC78" s="277">
        <v>4.6154300270495524E-2</v>
      </c>
      <c r="AD78" s="49">
        <v>468</v>
      </c>
      <c r="AE78" s="50">
        <v>76.502182258309332</v>
      </c>
      <c r="AF78" s="51">
        <v>1.9459283120241047</v>
      </c>
      <c r="AG78" s="268">
        <v>0.20715629523059265</v>
      </c>
      <c r="AH78" s="277">
        <v>3.747201458196648E-2</v>
      </c>
      <c r="AI78" s="268">
        <v>0.53080827841602851</v>
      </c>
      <c r="AJ78" s="277">
        <v>4.5942748925583025E-2</v>
      </c>
      <c r="AK78" s="49">
        <v>467</v>
      </c>
      <c r="AL78" s="50">
        <v>66.912877535932026</v>
      </c>
      <c r="AM78" s="51">
        <v>2.2195703937791293</v>
      </c>
      <c r="AN78" s="268">
        <v>0.34225444357976142</v>
      </c>
      <c r="AO78" s="277">
        <v>4.3765171189246707E-2</v>
      </c>
      <c r="AP78" s="268">
        <v>0.32382410518749971</v>
      </c>
      <c r="AQ78" s="277">
        <v>4.3174164574471069E-2</v>
      </c>
      <c r="AR78" s="49">
        <v>465</v>
      </c>
      <c r="AS78" s="50">
        <v>63.856801755067039</v>
      </c>
      <c r="AT78" s="51">
        <v>2.5155052302037681</v>
      </c>
      <c r="AU78" s="268">
        <v>0.36562424469950683</v>
      </c>
      <c r="AV78" s="277">
        <v>4.4506279836791167E-2</v>
      </c>
      <c r="AW78" s="268">
        <v>0.32590420186353158</v>
      </c>
      <c r="AX78" s="277">
        <v>4.3336876672674204E-2</v>
      </c>
    </row>
    <row r="79" spans="1:50">
      <c r="A79" s="44" t="s">
        <v>616</v>
      </c>
      <c r="B79" s="69">
        <v>241</v>
      </c>
      <c r="C79" s="70">
        <v>72.718054728030481</v>
      </c>
      <c r="D79" s="71">
        <v>2.8507552022316061</v>
      </c>
      <c r="E79" s="274">
        <v>0.22285781146560624</v>
      </c>
      <c r="F79" s="275">
        <v>5.3555958656785162E-2</v>
      </c>
      <c r="G79" s="276">
        <v>0.44963658674825369</v>
      </c>
      <c r="H79" s="275">
        <v>6.357328075831245E-2</v>
      </c>
      <c r="I79" s="69">
        <v>239</v>
      </c>
      <c r="J79" s="70">
        <v>65.836953918086465</v>
      </c>
      <c r="K79" s="71">
        <v>3.1085159792617487</v>
      </c>
      <c r="L79" s="274">
        <v>0.33284224066317619</v>
      </c>
      <c r="M79" s="275">
        <v>6.0582984514176458E-2</v>
      </c>
      <c r="N79" s="276">
        <v>0.33099196073384074</v>
      </c>
      <c r="O79" s="275">
        <v>6.0501186913971779E-2</v>
      </c>
      <c r="P79" s="69">
        <v>241</v>
      </c>
      <c r="Q79" s="70">
        <v>66.963303390781263</v>
      </c>
      <c r="R79" s="71">
        <v>3.0679988996243219</v>
      </c>
      <c r="S79" s="274">
        <v>0.31573674068921259</v>
      </c>
      <c r="T79" s="275">
        <v>5.954201653275213E-2</v>
      </c>
      <c r="U79" s="276">
        <v>0.33133210661411316</v>
      </c>
      <c r="V79" s="275">
        <v>6.0267769956168102E-2</v>
      </c>
      <c r="W79" s="69">
        <v>240</v>
      </c>
      <c r="X79" s="70">
        <v>75.883817679260915</v>
      </c>
      <c r="Y79" s="71">
        <v>3.0766409498110003</v>
      </c>
      <c r="Z79" s="274">
        <v>0.21021683352888945</v>
      </c>
      <c r="AA79" s="275">
        <v>5.259751349284459E-2</v>
      </c>
      <c r="AB79" s="276">
        <v>0.57464876525335196</v>
      </c>
      <c r="AC79" s="275">
        <v>6.3324401218654056E-2</v>
      </c>
      <c r="AD79" s="69">
        <v>241</v>
      </c>
      <c r="AE79" s="70">
        <v>77.565244358305719</v>
      </c>
      <c r="AF79" s="71">
        <v>2.6667234802376369</v>
      </c>
      <c r="AG79" s="274">
        <v>0.19212052057758316</v>
      </c>
      <c r="AH79" s="275">
        <v>5.0834687770494796E-2</v>
      </c>
      <c r="AI79" s="276">
        <v>0.52465938842118665</v>
      </c>
      <c r="AJ79" s="275">
        <v>6.3812430281015214E-2</v>
      </c>
      <c r="AK79" s="69">
        <v>241</v>
      </c>
      <c r="AL79" s="70">
        <v>66.334387784924985</v>
      </c>
      <c r="AM79" s="71">
        <v>3.229071317436401</v>
      </c>
      <c r="AN79" s="274">
        <v>0.35958274321392431</v>
      </c>
      <c r="AO79" s="275">
        <v>6.1401530117537705E-2</v>
      </c>
      <c r="AP79" s="276">
        <v>0.32334752190676525</v>
      </c>
      <c r="AQ79" s="275">
        <v>5.9905307379930349E-2</v>
      </c>
      <c r="AR79" s="69">
        <v>239</v>
      </c>
      <c r="AS79" s="70">
        <v>63.930836863556969</v>
      </c>
      <c r="AT79" s="71">
        <v>3.5522756156149629</v>
      </c>
      <c r="AU79" s="274">
        <v>0.36557852605931646</v>
      </c>
      <c r="AV79" s="275">
        <v>6.1866820970282101E-2</v>
      </c>
      <c r="AW79" s="276">
        <v>0.34380883960335606</v>
      </c>
      <c r="AX79" s="275">
        <v>6.1047220613827405E-2</v>
      </c>
    </row>
    <row r="80" spans="1:50">
      <c r="A80" s="52" t="s">
        <v>544</v>
      </c>
      <c r="B80" s="66">
        <v>227</v>
      </c>
      <c r="C80" s="67">
        <v>75.681095330277813</v>
      </c>
      <c r="D80" s="68">
        <v>2.3929466550760803</v>
      </c>
      <c r="E80" s="271">
        <v>0.15738418495458487</v>
      </c>
      <c r="F80" s="272">
        <v>4.8642971384678386E-2</v>
      </c>
      <c r="G80" s="273">
        <v>0.44045052743531349</v>
      </c>
      <c r="H80" s="272">
        <v>6.5342998718649306E-2</v>
      </c>
      <c r="I80" s="66">
        <v>227</v>
      </c>
      <c r="J80" s="67">
        <v>66.821375920008876</v>
      </c>
      <c r="K80" s="68">
        <v>3.092092468628826</v>
      </c>
      <c r="L80" s="271">
        <v>0.31607180983893213</v>
      </c>
      <c r="M80" s="272">
        <v>6.134592347842565E-2</v>
      </c>
      <c r="N80" s="273">
        <v>0.35031623714974253</v>
      </c>
      <c r="O80" s="272">
        <v>6.2883661112642569E-2</v>
      </c>
      <c r="P80" s="66">
        <v>227</v>
      </c>
      <c r="Q80" s="67">
        <v>66.992875140614572</v>
      </c>
      <c r="R80" s="68">
        <v>3.1382002186010323</v>
      </c>
      <c r="S80" s="271">
        <v>0.32036267907345689</v>
      </c>
      <c r="T80" s="272">
        <v>6.1558168435981733E-2</v>
      </c>
      <c r="U80" s="273">
        <v>0.35870827182915749</v>
      </c>
      <c r="V80" s="272">
        <v>6.3207489441072559E-2</v>
      </c>
      <c r="W80" s="66">
        <v>225</v>
      </c>
      <c r="X80" s="67">
        <v>73.139893485544192</v>
      </c>
      <c r="Y80" s="68">
        <v>3.1424616454439689</v>
      </c>
      <c r="Z80" s="271">
        <v>0.23197109982434325</v>
      </c>
      <c r="AA80" s="272">
        <v>5.6173198577677844E-2</v>
      </c>
      <c r="AB80" s="273">
        <v>0.46213728584878455</v>
      </c>
      <c r="AC80" s="272">
        <v>6.5898699427202986E-2</v>
      </c>
      <c r="AD80" s="66">
        <v>227</v>
      </c>
      <c r="AE80" s="67">
        <v>75.552191380716465</v>
      </c>
      <c r="AF80" s="68">
        <v>2.8360312650451487</v>
      </c>
      <c r="AG80" s="271">
        <v>0.22059280920089386</v>
      </c>
      <c r="AH80" s="272">
        <v>5.4987110672176612E-2</v>
      </c>
      <c r="AI80" s="273">
        <v>0.53630314969630077</v>
      </c>
      <c r="AJ80" s="272">
        <v>6.5627484522822521E-2</v>
      </c>
      <c r="AK80" s="66">
        <v>226</v>
      </c>
      <c r="AL80" s="67">
        <v>67.432102576359071</v>
      </c>
      <c r="AM80" s="68">
        <v>3.0356523944720468</v>
      </c>
      <c r="AN80" s="271">
        <v>0.32670138138216515</v>
      </c>
      <c r="AO80" s="272">
        <v>6.199622861819927E-2</v>
      </c>
      <c r="AP80" s="273">
        <v>0.32425186379994581</v>
      </c>
      <c r="AQ80" s="272">
        <v>6.1880332634453063E-2</v>
      </c>
      <c r="AR80" s="66">
        <v>226</v>
      </c>
      <c r="AS80" s="67">
        <v>63.791099085819141</v>
      </c>
      <c r="AT80" s="68">
        <v>3.5660337288363935</v>
      </c>
      <c r="AU80" s="271">
        <v>0.3656648178377917</v>
      </c>
      <c r="AV80" s="272">
        <v>6.3598781176991512E-2</v>
      </c>
      <c r="AW80" s="273">
        <v>0.31001467977843467</v>
      </c>
      <c r="AX80" s="272">
        <v>6.1169773613518615E-2</v>
      </c>
    </row>
    <row r="81" spans="1:50">
      <c r="A81" s="44" t="s">
        <v>545</v>
      </c>
      <c r="B81" s="69">
        <v>111</v>
      </c>
      <c r="C81" s="70">
        <v>72.676349159345591</v>
      </c>
      <c r="D81" s="71">
        <v>3.7166206413149649</v>
      </c>
      <c r="E81" s="274">
        <v>0.25204155289413377</v>
      </c>
      <c r="F81" s="275">
        <v>8.1873567335196948E-2</v>
      </c>
      <c r="G81" s="276">
        <v>0.44637322643455801</v>
      </c>
      <c r="H81" s="275">
        <v>9.2749451692027793E-2</v>
      </c>
      <c r="I81" s="69">
        <v>111</v>
      </c>
      <c r="J81" s="70">
        <v>63.871653046626804</v>
      </c>
      <c r="K81" s="71">
        <v>4.3306191246675798</v>
      </c>
      <c r="L81" s="274">
        <v>0.32952467850480205</v>
      </c>
      <c r="M81" s="275">
        <v>8.8056246406291963E-2</v>
      </c>
      <c r="N81" s="276">
        <v>0.32899289280044869</v>
      </c>
      <c r="O81" s="275">
        <v>8.8022826155419523E-2</v>
      </c>
      <c r="P81" s="69">
        <v>110</v>
      </c>
      <c r="Q81" s="70">
        <v>68.616705771446547</v>
      </c>
      <c r="R81" s="71">
        <v>4.2605199689643927</v>
      </c>
      <c r="S81" s="274">
        <v>0.30412131678457865</v>
      </c>
      <c r="T81" s="275">
        <v>8.6709198932305845E-2</v>
      </c>
      <c r="U81" s="276">
        <v>0.40281155528014401</v>
      </c>
      <c r="V81" s="275">
        <v>9.1996496114705659E-2</v>
      </c>
      <c r="W81" s="69">
        <v>111</v>
      </c>
      <c r="X81" s="70">
        <v>70.140635017664053</v>
      </c>
      <c r="Y81" s="71">
        <v>4.9622673571523217</v>
      </c>
      <c r="Z81" s="274">
        <v>0.26748574082213045</v>
      </c>
      <c r="AA81" s="275">
        <v>8.3329123974190233E-2</v>
      </c>
      <c r="AB81" s="276">
        <v>0.51369393060794877</v>
      </c>
      <c r="AC81" s="275">
        <v>9.3217892390027576E-2</v>
      </c>
      <c r="AD81" s="69">
        <v>111</v>
      </c>
      <c r="AE81" s="70">
        <v>75.016576785721838</v>
      </c>
      <c r="AF81" s="71">
        <v>4.8698305351508155</v>
      </c>
      <c r="AG81" s="274">
        <v>0.25569103395454584</v>
      </c>
      <c r="AH81" s="275">
        <v>8.2228324391045923E-2</v>
      </c>
      <c r="AI81" s="276">
        <v>0.59001121200819173</v>
      </c>
      <c r="AJ81" s="275">
        <v>9.1831944486997372E-2</v>
      </c>
      <c r="AK81" s="69">
        <v>111</v>
      </c>
      <c r="AL81" s="70">
        <v>69.189484905866991</v>
      </c>
      <c r="AM81" s="71">
        <v>4.6528447267901791</v>
      </c>
      <c r="AN81" s="274">
        <v>0.25878709052953175</v>
      </c>
      <c r="AO81" s="275">
        <v>8.2523988492968561E-2</v>
      </c>
      <c r="AP81" s="276">
        <v>0.39335686503821193</v>
      </c>
      <c r="AQ81" s="275">
        <v>9.1253041604931612E-2</v>
      </c>
      <c r="AR81" s="69">
        <v>110</v>
      </c>
      <c r="AS81" s="70">
        <v>63.807782009015796</v>
      </c>
      <c r="AT81" s="71">
        <v>5.43698114110473</v>
      </c>
      <c r="AU81" s="274">
        <v>0.39527204853847275</v>
      </c>
      <c r="AV81" s="275">
        <v>9.1725799100526695E-2</v>
      </c>
      <c r="AW81" s="276">
        <v>0.39495053033369742</v>
      </c>
      <c r="AX81" s="275">
        <v>9.1713787467506538E-2</v>
      </c>
    </row>
    <row r="82" spans="1:50">
      <c r="A82" s="52" t="s">
        <v>546</v>
      </c>
      <c r="B82" s="66">
        <v>289</v>
      </c>
      <c r="C82" s="67">
        <v>76.683187645172879</v>
      </c>
      <c r="D82" s="68">
        <v>2.117087978619355</v>
      </c>
      <c r="E82" s="271">
        <v>0.15117896999928973</v>
      </c>
      <c r="F82" s="272">
        <v>4.238993802147286E-2</v>
      </c>
      <c r="G82" s="273">
        <v>0.49078585362802324</v>
      </c>
      <c r="H82" s="272">
        <v>5.8410972108006609E-2</v>
      </c>
      <c r="I82" s="66">
        <v>287</v>
      </c>
      <c r="J82" s="67">
        <v>68.11500743467947</v>
      </c>
      <c r="K82" s="68">
        <v>2.5058590310243178</v>
      </c>
      <c r="L82" s="271">
        <v>0.29489208851270576</v>
      </c>
      <c r="M82" s="272">
        <v>5.3609167164733511E-2</v>
      </c>
      <c r="N82" s="273">
        <v>0.32681011096966806</v>
      </c>
      <c r="O82" s="272">
        <v>5.5094319949612981E-2</v>
      </c>
      <c r="P82" s="66">
        <v>289</v>
      </c>
      <c r="Q82" s="67">
        <v>71.810639726657868</v>
      </c>
      <c r="R82" s="68">
        <v>2.4754194935219123</v>
      </c>
      <c r="S82" s="271">
        <v>0.23409884791479801</v>
      </c>
      <c r="T82" s="272">
        <v>4.9738410444393241E-2</v>
      </c>
      <c r="U82" s="273">
        <v>0.39603863577675219</v>
      </c>
      <c r="V82" s="272">
        <v>5.7178854591162301E-2</v>
      </c>
      <c r="W82" s="66">
        <v>288</v>
      </c>
      <c r="X82" s="67">
        <v>77.185944279594864</v>
      </c>
      <c r="Y82" s="68">
        <v>2.4319409757504453</v>
      </c>
      <c r="Z82" s="271">
        <v>0.20601487310330491</v>
      </c>
      <c r="AA82" s="272">
        <v>4.7675328456592891E-2</v>
      </c>
      <c r="AB82" s="273">
        <v>0.54077544106606024</v>
      </c>
      <c r="AC82" s="272">
        <v>5.8330964438001405E-2</v>
      </c>
      <c r="AD82" s="66">
        <v>289</v>
      </c>
      <c r="AE82" s="67">
        <v>77.367253983707442</v>
      </c>
      <c r="AF82" s="68">
        <v>2.3388886962648714</v>
      </c>
      <c r="AG82" s="271">
        <v>0.18060296661161515</v>
      </c>
      <c r="AH82" s="272">
        <v>4.5365696490973099E-2</v>
      </c>
      <c r="AI82" s="273">
        <v>0.55205591970960244</v>
      </c>
      <c r="AJ82" s="272">
        <v>5.8111774656444355E-2</v>
      </c>
      <c r="AK82" s="66">
        <v>288</v>
      </c>
      <c r="AL82" s="67">
        <v>70.610569443898683</v>
      </c>
      <c r="AM82" s="68">
        <v>2.8014387300358967</v>
      </c>
      <c r="AN82" s="271">
        <v>0.27906954794722749</v>
      </c>
      <c r="AO82" s="272">
        <v>5.2670836659707412E-2</v>
      </c>
      <c r="AP82" s="273">
        <v>0.40496710605562813</v>
      </c>
      <c r="AQ82" s="272">
        <v>5.7483110785166859E-2</v>
      </c>
      <c r="AR82" s="66">
        <v>290</v>
      </c>
      <c r="AS82" s="67">
        <v>66.290788672919561</v>
      </c>
      <c r="AT82" s="68">
        <v>2.8921541264851989</v>
      </c>
      <c r="AU82" s="271">
        <v>0.33973351489149756</v>
      </c>
      <c r="AV82" s="272">
        <v>5.5329417963204314E-2</v>
      </c>
      <c r="AW82" s="273">
        <v>0.33843257220992889</v>
      </c>
      <c r="AX82" s="272">
        <v>5.5279309097784439E-2</v>
      </c>
    </row>
    <row r="83" spans="1:50">
      <c r="A83" s="44" t="s">
        <v>557</v>
      </c>
      <c r="B83" s="69">
        <v>112</v>
      </c>
      <c r="C83" s="70">
        <v>78.978515752770861</v>
      </c>
      <c r="D83" s="71">
        <v>3.2470476455023203</v>
      </c>
      <c r="E83" s="274">
        <v>0.11362862854560646</v>
      </c>
      <c r="F83" s="275">
        <v>6.1821496379016252E-2</v>
      </c>
      <c r="G83" s="276">
        <v>0.52767918024439109</v>
      </c>
      <c r="H83" s="275">
        <v>9.2714948583318801E-2</v>
      </c>
      <c r="I83" s="69">
        <v>110</v>
      </c>
      <c r="J83" s="70">
        <v>70.720991693652422</v>
      </c>
      <c r="K83" s="71">
        <v>3.7064509830403529</v>
      </c>
      <c r="L83" s="274">
        <v>0.23526479437658043</v>
      </c>
      <c r="M83" s="275">
        <v>8.0513094244948943E-2</v>
      </c>
      <c r="N83" s="276">
        <v>0.33459468405475867</v>
      </c>
      <c r="O83" s="275">
        <v>8.8758952636910804E-2</v>
      </c>
      <c r="P83" s="69">
        <v>112</v>
      </c>
      <c r="Q83" s="70">
        <v>71.389734830254852</v>
      </c>
      <c r="R83" s="71">
        <v>4.0625869360067393</v>
      </c>
      <c r="S83" s="274">
        <v>0.27675417180181661</v>
      </c>
      <c r="T83" s="275">
        <v>8.3777042091535761E-2</v>
      </c>
      <c r="U83" s="276">
        <v>0.42520374536424727</v>
      </c>
      <c r="V83" s="275">
        <v>9.1874106949177275E-2</v>
      </c>
      <c r="W83" s="69">
        <v>112</v>
      </c>
      <c r="X83" s="70">
        <v>77.075650216103966</v>
      </c>
      <c r="Y83" s="71">
        <v>3.7995482706251833</v>
      </c>
      <c r="Z83" s="274">
        <v>0.21346785907702831</v>
      </c>
      <c r="AA83" s="275">
        <v>7.7340230099795654E-2</v>
      </c>
      <c r="AB83" s="276">
        <v>0.55506247189099123</v>
      </c>
      <c r="AC83" s="275">
        <v>9.2321330517767503E-2</v>
      </c>
      <c r="AD83" s="69">
        <v>111</v>
      </c>
      <c r="AE83" s="70">
        <v>82.228239320682874</v>
      </c>
      <c r="AF83" s="71">
        <v>3.0422365096862283</v>
      </c>
      <c r="AG83" s="274">
        <v>0.14952599013925588</v>
      </c>
      <c r="AH83" s="275">
        <v>6.8667870983802587E-2</v>
      </c>
      <c r="AI83" s="276">
        <v>0.60164211027796333</v>
      </c>
      <c r="AJ83" s="275">
        <v>9.1437803814101534E-2</v>
      </c>
      <c r="AK83" s="69">
        <v>111</v>
      </c>
      <c r="AL83" s="70">
        <v>70.998637964317112</v>
      </c>
      <c r="AM83" s="71">
        <v>4.6864392364820135</v>
      </c>
      <c r="AN83" s="274">
        <v>0.30130203831611502</v>
      </c>
      <c r="AO83" s="275">
        <v>8.6117786048258899E-2</v>
      </c>
      <c r="AP83" s="276">
        <v>0.48436721098821778</v>
      </c>
      <c r="AQ83" s="275">
        <v>9.3208008776452064E-2</v>
      </c>
      <c r="AR83" s="69">
        <v>112</v>
      </c>
      <c r="AS83" s="70">
        <v>67.947137829642045</v>
      </c>
      <c r="AT83" s="71">
        <v>4.5750109535634138</v>
      </c>
      <c r="AU83" s="274">
        <v>0.29711461018803176</v>
      </c>
      <c r="AV83" s="275">
        <v>8.5425378958301754E-2</v>
      </c>
      <c r="AW83" s="276">
        <v>0.39076662725019695</v>
      </c>
      <c r="AX83" s="275">
        <v>9.0758636749589006E-2</v>
      </c>
    </row>
    <row r="84" spans="1:50">
      <c r="A84" s="52" t="s">
        <v>558</v>
      </c>
      <c r="B84" s="66">
        <v>113</v>
      </c>
      <c r="C84" s="67">
        <v>75.855780621714757</v>
      </c>
      <c r="D84" s="68">
        <v>3.383046548166206</v>
      </c>
      <c r="E84" s="271">
        <v>0.15993049939530052</v>
      </c>
      <c r="F84" s="272">
        <v>6.9706360681231955E-2</v>
      </c>
      <c r="G84" s="273">
        <v>0.50510382370102536</v>
      </c>
      <c r="H84" s="272">
        <v>9.244553983154212E-2</v>
      </c>
      <c r="I84" s="66">
        <v>113</v>
      </c>
      <c r="J84" s="67">
        <v>66.914769241596161</v>
      </c>
      <c r="K84" s="68">
        <v>3.7065500459336058</v>
      </c>
      <c r="L84" s="271">
        <v>0.30542663255009272</v>
      </c>
      <c r="M84" s="272">
        <v>8.567192243198786E-2</v>
      </c>
      <c r="N84" s="273">
        <v>0.28496521263279945</v>
      </c>
      <c r="O84" s="272">
        <v>8.4097562513512178E-2</v>
      </c>
      <c r="P84" s="66">
        <v>113</v>
      </c>
      <c r="Q84" s="67">
        <v>72.781269868394176</v>
      </c>
      <c r="R84" s="68">
        <v>3.883047599204339</v>
      </c>
      <c r="S84" s="271">
        <v>0.22637221248147715</v>
      </c>
      <c r="T84" s="272">
        <v>7.8481264797979691E-2</v>
      </c>
      <c r="U84" s="273">
        <v>0.4185121999490265</v>
      </c>
      <c r="V84" s="272">
        <v>9.1297580900434758E-2</v>
      </c>
      <c r="W84" s="66">
        <v>112</v>
      </c>
      <c r="X84" s="67">
        <v>77.575508964734823</v>
      </c>
      <c r="Y84" s="68">
        <v>3.7769152933158137</v>
      </c>
      <c r="Z84" s="271">
        <v>0.17609456231340295</v>
      </c>
      <c r="AA84" s="272">
        <v>7.2444036963436362E-2</v>
      </c>
      <c r="AB84" s="273">
        <v>0.50385221856187279</v>
      </c>
      <c r="AC84" s="272">
        <v>9.2845100178373358E-2</v>
      </c>
      <c r="AD84" s="66">
        <v>114</v>
      </c>
      <c r="AE84" s="67">
        <v>76.786768578909317</v>
      </c>
      <c r="AF84" s="68">
        <v>4.2287301853434789</v>
      </c>
      <c r="AG84" s="271">
        <v>0.15102777425610436</v>
      </c>
      <c r="AH84" s="272">
        <v>6.7981759178053575E-2</v>
      </c>
      <c r="AI84" s="273">
        <v>0.58751381044598561</v>
      </c>
      <c r="AJ84" s="272">
        <v>9.073182016284706E-2</v>
      </c>
      <c r="AK84" s="66">
        <v>114</v>
      </c>
      <c r="AL84" s="67">
        <v>72.348771815656988</v>
      </c>
      <c r="AM84" s="68">
        <v>4.3743110729390633</v>
      </c>
      <c r="AN84" s="271">
        <v>0.2619136334053957</v>
      </c>
      <c r="AO84" s="272">
        <v>8.1738069527165405E-2</v>
      </c>
      <c r="AP84" s="273">
        <v>0.41137809199149067</v>
      </c>
      <c r="AQ84" s="272">
        <v>9.069778397170826E-2</v>
      </c>
      <c r="AR84" s="66">
        <v>114</v>
      </c>
      <c r="AS84" s="67">
        <v>65.697802019761625</v>
      </c>
      <c r="AT84" s="68">
        <v>4.5908952796545224</v>
      </c>
      <c r="AU84" s="271">
        <v>0.38490718313467154</v>
      </c>
      <c r="AV84" s="272">
        <v>8.9752291930552008E-2</v>
      </c>
      <c r="AW84" s="273">
        <v>0.37048855221883675</v>
      </c>
      <c r="AX84" s="272">
        <v>8.9128488093561234E-2</v>
      </c>
    </row>
    <row r="85" spans="1:50">
      <c r="A85" s="44" t="s">
        <v>549</v>
      </c>
      <c r="B85" s="69">
        <v>64</v>
      </c>
      <c r="C85" s="70">
        <v>73.988191390359148</v>
      </c>
      <c r="D85" s="71">
        <v>4.8485668701632285</v>
      </c>
      <c r="E85" s="274">
        <v>0.2029416332891277</v>
      </c>
      <c r="F85" s="275">
        <v>0.10053755340311639</v>
      </c>
      <c r="G85" s="276">
        <v>0.40317208953481432</v>
      </c>
      <c r="H85" s="275">
        <v>0.1192365249630192</v>
      </c>
      <c r="I85" s="69">
        <v>64</v>
      </c>
      <c r="J85" s="70">
        <v>65.549152488068074</v>
      </c>
      <c r="K85" s="71">
        <v>6.5388726517309967</v>
      </c>
      <c r="L85" s="274">
        <v>0.38071855718626374</v>
      </c>
      <c r="M85" s="275">
        <v>0.1181715092236629</v>
      </c>
      <c r="N85" s="276">
        <v>0.38043431813381562</v>
      </c>
      <c r="O85" s="275">
        <v>0.11815654060604758</v>
      </c>
      <c r="P85" s="69">
        <v>64</v>
      </c>
      <c r="Q85" s="70">
        <v>71.002785325891409</v>
      </c>
      <c r="R85" s="71">
        <v>5.3017092083132864</v>
      </c>
      <c r="S85" s="274">
        <v>0.17165577116651384</v>
      </c>
      <c r="T85" s="275">
        <v>9.5332404257437123E-2</v>
      </c>
      <c r="U85" s="276">
        <v>0.30915067892190395</v>
      </c>
      <c r="V85" s="275">
        <v>0.11317233533157711</v>
      </c>
      <c r="W85" s="69">
        <v>64</v>
      </c>
      <c r="X85" s="70">
        <v>76.749023445312247</v>
      </c>
      <c r="Y85" s="71">
        <v>5.720643148240752</v>
      </c>
      <c r="Z85" s="274">
        <v>0.2413563564399985</v>
      </c>
      <c r="AA85" s="275">
        <v>0.10592510402355684</v>
      </c>
      <c r="AB85" s="276">
        <v>0.57547003286893306</v>
      </c>
      <c r="AC85" s="275">
        <v>0.12003789870659683</v>
      </c>
      <c r="AD85" s="69">
        <v>64</v>
      </c>
      <c r="AE85" s="70">
        <v>69.926329328180813</v>
      </c>
      <c r="AF85" s="71">
        <v>5.1149920619100451</v>
      </c>
      <c r="AG85" s="274">
        <v>0.28210593819628405</v>
      </c>
      <c r="AH85" s="275">
        <v>0.11059824507876737</v>
      </c>
      <c r="AI85" s="276">
        <v>0.40910738687032322</v>
      </c>
      <c r="AJ85" s="275">
        <v>0.11947972601719593</v>
      </c>
      <c r="AK85" s="69">
        <v>63</v>
      </c>
      <c r="AL85" s="70">
        <v>67.036259124718768</v>
      </c>
      <c r="AM85" s="71">
        <v>5.7557427074096035</v>
      </c>
      <c r="AN85" s="274">
        <v>0.26833930739329315</v>
      </c>
      <c r="AO85" s="275">
        <v>0.10996607412925209</v>
      </c>
      <c r="AP85" s="276">
        <v>0.25414596777146159</v>
      </c>
      <c r="AQ85" s="275">
        <v>0.10832719205077311</v>
      </c>
      <c r="AR85" s="69">
        <v>64</v>
      </c>
      <c r="AS85" s="70">
        <v>64.349142502625298</v>
      </c>
      <c r="AT85" s="71">
        <v>6.3446296325011042</v>
      </c>
      <c r="AU85" s="274">
        <v>0.34122237514594195</v>
      </c>
      <c r="AV85" s="275">
        <v>0.115724915849095</v>
      </c>
      <c r="AW85" s="276">
        <v>0.19478865126600309</v>
      </c>
      <c r="AX85" s="275">
        <v>9.9256942509815399E-2</v>
      </c>
    </row>
    <row r="86" spans="1:50" s="5" customFormat="1">
      <c r="A86" s="52" t="s">
        <v>550</v>
      </c>
      <c r="B86" s="66">
        <v>157</v>
      </c>
      <c r="C86" s="67">
        <v>72.390495301900458</v>
      </c>
      <c r="D86" s="68">
        <v>3.3331488980100628</v>
      </c>
      <c r="E86" s="271">
        <v>0.21518038134746573</v>
      </c>
      <c r="F86" s="272">
        <v>6.5533383241896739E-2</v>
      </c>
      <c r="G86" s="273">
        <v>0.41087274647784772</v>
      </c>
      <c r="H86" s="272">
        <v>7.7611253867799573E-2</v>
      </c>
      <c r="I86" s="66">
        <v>155</v>
      </c>
      <c r="J86" s="67">
        <v>66.503443229098224</v>
      </c>
      <c r="K86" s="68">
        <v>3.585589521940117</v>
      </c>
      <c r="L86" s="271">
        <v>0.32512621528595298</v>
      </c>
      <c r="M86" s="272">
        <v>7.4553338952013853E-2</v>
      </c>
      <c r="N86" s="273">
        <v>0.29910444190869162</v>
      </c>
      <c r="O86" s="272">
        <v>7.2968688872705426E-2</v>
      </c>
      <c r="P86" s="66">
        <v>156</v>
      </c>
      <c r="Q86" s="67">
        <v>65.232710546010225</v>
      </c>
      <c r="R86" s="68">
        <v>3.9184746560415129</v>
      </c>
      <c r="S86" s="271">
        <v>0.34267019934085141</v>
      </c>
      <c r="T86" s="272">
        <v>7.5244517527352991E-2</v>
      </c>
      <c r="U86" s="273">
        <v>0.2780453404479053</v>
      </c>
      <c r="V86" s="272">
        <v>7.126859980535738E-2</v>
      </c>
      <c r="W86" s="66">
        <v>153</v>
      </c>
      <c r="X86" s="67">
        <v>72.798488782418175</v>
      </c>
      <c r="Y86" s="68">
        <v>3.5983247311971343</v>
      </c>
      <c r="Z86" s="271">
        <v>0.20754523579747833</v>
      </c>
      <c r="AA86" s="272">
        <v>6.5573976927137109E-2</v>
      </c>
      <c r="AB86" s="273">
        <v>0.40028124888766181</v>
      </c>
      <c r="AC86" s="272">
        <v>7.8286816770496079E-2</v>
      </c>
      <c r="AD86" s="66">
        <v>155</v>
      </c>
      <c r="AE86" s="67">
        <v>74.472601822069237</v>
      </c>
      <c r="AF86" s="68">
        <v>3.5579424988450135</v>
      </c>
      <c r="AG86" s="271">
        <v>0.20183047247054905</v>
      </c>
      <c r="AH86" s="272">
        <v>6.4527674717036493E-2</v>
      </c>
      <c r="AI86" s="273">
        <v>0.47863071207405911</v>
      </c>
      <c r="AJ86" s="272">
        <v>7.9236298214540882E-2</v>
      </c>
      <c r="AK86" s="66">
        <v>155</v>
      </c>
      <c r="AL86" s="67">
        <v>67.28069695433166</v>
      </c>
      <c r="AM86" s="68">
        <v>3.9627841717919861</v>
      </c>
      <c r="AN86" s="271">
        <v>0.33979110947625302</v>
      </c>
      <c r="AO86" s="272">
        <v>7.5337109542848377E-2</v>
      </c>
      <c r="AP86" s="273">
        <v>0.36292462965168698</v>
      </c>
      <c r="AQ86" s="272">
        <v>7.642052519595624E-2</v>
      </c>
      <c r="AR86" s="66">
        <v>155</v>
      </c>
      <c r="AS86" s="67">
        <v>62.095987860726574</v>
      </c>
      <c r="AT86" s="68">
        <v>4.2172375535538338</v>
      </c>
      <c r="AU86" s="271">
        <v>0.42863047408291799</v>
      </c>
      <c r="AV86" s="272">
        <v>7.8533644485823145E-2</v>
      </c>
      <c r="AW86" s="273">
        <v>0.28337785196441534</v>
      </c>
      <c r="AX86" s="272">
        <v>7.1884981641763032E-2</v>
      </c>
    </row>
    <row r="87" spans="1:50" s="5" customFormat="1">
      <c r="A87" s="44" t="s">
        <v>551</v>
      </c>
      <c r="B87" s="69">
        <v>625</v>
      </c>
      <c r="C87" s="70">
        <v>70.256819092844083</v>
      </c>
      <c r="D87" s="71">
        <v>1.6821087485005703</v>
      </c>
      <c r="E87" s="274">
        <v>0.25097416681538642</v>
      </c>
      <c r="F87" s="275">
        <v>3.4647656982658349E-2</v>
      </c>
      <c r="G87" s="276">
        <v>0.36364562900158653</v>
      </c>
      <c r="H87" s="275">
        <v>3.8380838189714724E-2</v>
      </c>
      <c r="I87" s="69">
        <v>626</v>
      </c>
      <c r="J87" s="70">
        <v>68.783825585678429</v>
      </c>
      <c r="K87" s="71">
        <v>1.6921342987607135</v>
      </c>
      <c r="L87" s="274">
        <v>0.27485148350742195</v>
      </c>
      <c r="M87" s="275">
        <v>3.5630360524432962E-2</v>
      </c>
      <c r="N87" s="276">
        <v>0.34440768042306674</v>
      </c>
      <c r="O87" s="275">
        <v>3.7888513957244879E-2</v>
      </c>
      <c r="P87" s="69">
        <v>620</v>
      </c>
      <c r="Q87" s="70">
        <v>64.772054730659718</v>
      </c>
      <c r="R87" s="71">
        <v>1.9338572852925213</v>
      </c>
      <c r="S87" s="274">
        <v>0.34804740964795017</v>
      </c>
      <c r="T87" s="275">
        <v>3.8163403892810942E-2</v>
      </c>
      <c r="U87" s="276">
        <v>0.32740591553183912</v>
      </c>
      <c r="V87" s="275">
        <v>3.7603870213715335E-2</v>
      </c>
      <c r="W87" s="69">
        <v>622</v>
      </c>
      <c r="X87" s="70">
        <v>69.235058975456241</v>
      </c>
      <c r="Y87" s="71">
        <v>2.0488128354008937</v>
      </c>
      <c r="Z87" s="274">
        <v>0.30340954728001912</v>
      </c>
      <c r="AA87" s="275">
        <v>3.6791834558583432E-2</v>
      </c>
      <c r="AB87" s="276">
        <v>0.41371421679163878</v>
      </c>
      <c r="AC87" s="275">
        <v>3.9376093233861195E-2</v>
      </c>
      <c r="AD87" s="69">
        <v>620</v>
      </c>
      <c r="AE87" s="70">
        <v>73.813129357994356</v>
      </c>
      <c r="AF87" s="71">
        <v>1.7447346659032388</v>
      </c>
      <c r="AG87" s="274">
        <v>0.23991089306665789</v>
      </c>
      <c r="AH87" s="275">
        <v>3.4270617749664306E-2</v>
      </c>
      <c r="AI87" s="276">
        <v>0.48613131211876115</v>
      </c>
      <c r="AJ87" s="275">
        <v>4.0016832796097315E-2</v>
      </c>
      <c r="AK87" s="69">
        <v>622</v>
      </c>
      <c r="AL87" s="70">
        <v>61.277967786465467</v>
      </c>
      <c r="AM87" s="71">
        <v>2.0124835277790614</v>
      </c>
      <c r="AN87" s="274">
        <v>0.42428088492913729</v>
      </c>
      <c r="AO87" s="275">
        <v>3.9512981779977106E-2</v>
      </c>
      <c r="AP87" s="276">
        <v>0.26058588118561138</v>
      </c>
      <c r="AQ87" s="275">
        <v>3.5154706203828927E-2</v>
      </c>
      <c r="AR87" s="69">
        <v>623</v>
      </c>
      <c r="AS87" s="70">
        <v>64.828819210430225</v>
      </c>
      <c r="AT87" s="71">
        <v>2.0270921527772425</v>
      </c>
      <c r="AU87" s="274">
        <v>0.3525855296974077</v>
      </c>
      <c r="AV87" s="275">
        <v>3.8184088587477058E-2</v>
      </c>
      <c r="AW87" s="276">
        <v>0.33563464408797761</v>
      </c>
      <c r="AX87" s="275">
        <v>3.7745697527198953E-2</v>
      </c>
    </row>
    <row r="88" spans="1:50" s="5" customFormat="1"/>
    <row r="90" spans="1:50" ht="18.75">
      <c r="A90" s="342" t="s">
        <v>243</v>
      </c>
      <c r="B90" s="342"/>
      <c r="C90" s="342"/>
      <c r="D90" s="342"/>
      <c r="E90" s="342"/>
      <c r="F90" s="342"/>
      <c r="G90" s="342"/>
      <c r="H90" s="342"/>
    </row>
    <row r="91" spans="1:50" ht="72.75" customHeight="1">
      <c r="A91" s="341" t="s">
        <v>529</v>
      </c>
      <c r="B91" s="341"/>
      <c r="C91" s="341"/>
      <c r="D91" s="341"/>
      <c r="E91" s="341"/>
      <c r="F91" s="341"/>
      <c r="G91" s="341"/>
      <c r="H91" s="341"/>
    </row>
    <row r="92" spans="1:50" ht="33" customHeight="1">
      <c r="A92" s="333" t="s">
        <v>244</v>
      </c>
      <c r="B92" s="334"/>
      <c r="C92" s="334"/>
      <c r="D92" s="334"/>
      <c r="E92" s="334"/>
      <c r="F92" s="334"/>
      <c r="G92" s="334"/>
      <c r="H92" s="335"/>
    </row>
    <row r="93" spans="1:50" ht="42" customHeight="1">
      <c r="A93" s="32" t="s">
        <v>71</v>
      </c>
      <c r="B93" s="33" t="s">
        <v>72</v>
      </c>
      <c r="C93" s="34" t="s">
        <v>591</v>
      </c>
      <c r="D93" s="35" t="s">
        <v>73</v>
      </c>
      <c r="E93" s="34" t="s">
        <v>331</v>
      </c>
      <c r="F93" s="35" t="s">
        <v>335</v>
      </c>
      <c r="G93" s="34" t="s">
        <v>333</v>
      </c>
      <c r="H93" s="35" t="s">
        <v>336</v>
      </c>
    </row>
    <row r="94" spans="1:50" ht="72" customHeight="1">
      <c r="A94" s="36"/>
      <c r="B94" s="37" t="s">
        <v>74</v>
      </c>
      <c r="C94" s="38" t="s">
        <v>247</v>
      </c>
      <c r="D94" s="39" t="s">
        <v>76</v>
      </c>
      <c r="E94" s="38" t="s">
        <v>332</v>
      </c>
      <c r="F94" s="86" t="s">
        <v>88</v>
      </c>
      <c r="G94" s="38" t="s">
        <v>334</v>
      </c>
      <c r="H94" s="86" t="s">
        <v>88</v>
      </c>
    </row>
    <row r="95" spans="1:50">
      <c r="A95" s="40" t="s">
        <v>350</v>
      </c>
      <c r="B95" s="72">
        <v>13562</v>
      </c>
      <c r="C95" s="73">
        <v>67.003714115916821</v>
      </c>
      <c r="D95" s="74">
        <v>0.41771560076770042</v>
      </c>
      <c r="E95" s="278">
        <v>0.31223242392109507</v>
      </c>
      <c r="F95" s="279">
        <v>7.9576522818712876E-3</v>
      </c>
      <c r="G95" s="278">
        <v>0.30655428162142018</v>
      </c>
      <c r="H95" s="279">
        <v>7.9174723496586458E-3</v>
      </c>
    </row>
    <row r="96" spans="1:50">
      <c r="A96" s="44" t="s">
        <v>351</v>
      </c>
      <c r="B96" s="75">
        <v>10049</v>
      </c>
      <c r="C96" s="76">
        <v>69.354440070821909</v>
      </c>
      <c r="D96" s="77">
        <v>0.47362839336437085</v>
      </c>
      <c r="E96" s="280">
        <v>0.27180113126224165</v>
      </c>
      <c r="F96" s="281">
        <v>8.8752017717384363E-3</v>
      </c>
      <c r="G96" s="280">
        <v>0.34684332757075992</v>
      </c>
      <c r="H96" s="281">
        <v>9.4945721376079508E-3</v>
      </c>
    </row>
    <row r="97" spans="1:8" s="5" customFormat="1">
      <c r="A97" s="40" t="s">
        <v>352</v>
      </c>
      <c r="B97" s="72">
        <v>3513</v>
      </c>
      <c r="C97" s="73">
        <v>65.00864740674038</v>
      </c>
      <c r="D97" s="74">
        <v>0.85205123852653242</v>
      </c>
      <c r="E97" s="278">
        <v>0.34654655816728325</v>
      </c>
      <c r="F97" s="279">
        <v>1.605030386499131E-2</v>
      </c>
      <c r="G97" s="278">
        <v>0.27236087249591096</v>
      </c>
      <c r="H97" s="279">
        <v>1.5017693396233021E-2</v>
      </c>
    </row>
    <row r="98" spans="1:8" s="5" customFormat="1">
      <c r="A98" s="44" t="s">
        <v>555</v>
      </c>
      <c r="B98" s="75">
        <v>3529</v>
      </c>
      <c r="C98" s="76">
        <v>68.079339872950797</v>
      </c>
      <c r="D98" s="77">
        <v>0.78473503419986101</v>
      </c>
      <c r="E98" s="280">
        <v>0.29897920872670075</v>
      </c>
      <c r="F98" s="281">
        <v>1.5407736640052138E-2</v>
      </c>
      <c r="G98" s="280">
        <v>0.31820275202086523</v>
      </c>
      <c r="H98" s="281">
        <v>1.5675182837227141E-2</v>
      </c>
    </row>
    <row r="99" spans="1:8" s="5" customFormat="1">
      <c r="A99" s="40" t="s">
        <v>556</v>
      </c>
      <c r="B99" s="72">
        <v>2928</v>
      </c>
      <c r="C99" s="73">
        <v>70.861282473147341</v>
      </c>
      <c r="D99" s="74">
        <v>0.84584965844239812</v>
      </c>
      <c r="E99" s="278">
        <v>0.24729017800573522</v>
      </c>
      <c r="F99" s="279">
        <v>1.5942935243190313E-2</v>
      </c>
      <c r="G99" s="278">
        <v>0.36303885013418608</v>
      </c>
      <c r="H99" s="279">
        <v>1.7763521296713089E-2</v>
      </c>
    </row>
    <row r="100" spans="1:8" s="5" customFormat="1">
      <c r="A100" s="44" t="s">
        <v>536</v>
      </c>
      <c r="B100" s="75">
        <v>328</v>
      </c>
      <c r="C100" s="76">
        <v>70.727534692028598</v>
      </c>
      <c r="D100" s="77">
        <v>2.5530137764313228</v>
      </c>
      <c r="E100" s="280">
        <v>0.24538238641720714</v>
      </c>
      <c r="F100" s="281">
        <v>4.7430689059494942E-2</v>
      </c>
      <c r="G100" s="280">
        <v>0.35774479416590232</v>
      </c>
      <c r="H100" s="281">
        <v>5.2669479337304731E-2</v>
      </c>
    </row>
    <row r="101" spans="1:8" s="5" customFormat="1">
      <c r="A101" s="40" t="s">
        <v>537</v>
      </c>
      <c r="B101" s="72">
        <v>162</v>
      </c>
      <c r="C101" s="73">
        <v>71.666235626195558</v>
      </c>
      <c r="D101" s="74">
        <v>3.416948918114965</v>
      </c>
      <c r="E101" s="278">
        <v>0.21856503380450801</v>
      </c>
      <c r="F101" s="279">
        <v>6.4856748440653075E-2</v>
      </c>
      <c r="G101" s="278">
        <v>0.35505053122874464</v>
      </c>
      <c r="H101" s="279">
        <v>7.444412460459969E-2</v>
      </c>
    </row>
    <row r="102" spans="1:8" s="5" customFormat="1">
      <c r="A102" s="44" t="s">
        <v>538</v>
      </c>
      <c r="B102" s="75">
        <v>87</v>
      </c>
      <c r="C102" s="76">
        <v>68.798531799118877</v>
      </c>
      <c r="D102" s="77">
        <v>5.3277037292568474</v>
      </c>
      <c r="E102" s="280">
        <v>0.29640632173927028</v>
      </c>
      <c r="F102" s="281">
        <v>9.6559158304472786E-2</v>
      </c>
      <c r="G102" s="280">
        <v>0.3318258539259723</v>
      </c>
      <c r="H102" s="281">
        <v>9.9260825993918098E-2</v>
      </c>
    </row>
    <row r="103" spans="1:8" s="5" customFormat="1">
      <c r="A103" s="40" t="s">
        <v>539</v>
      </c>
      <c r="B103" s="72">
        <v>244</v>
      </c>
      <c r="C103" s="73">
        <v>74.684199765837491</v>
      </c>
      <c r="D103" s="74">
        <v>2.8036083121818796</v>
      </c>
      <c r="E103" s="278">
        <v>0.18084381610536085</v>
      </c>
      <c r="F103" s="279">
        <v>4.941572489111435E-2</v>
      </c>
      <c r="G103" s="278">
        <v>0.42891879621654644</v>
      </c>
      <c r="H103" s="279">
        <v>6.287585478858837E-2</v>
      </c>
    </row>
    <row r="104" spans="1:8" s="5" customFormat="1">
      <c r="A104" s="44" t="s">
        <v>540</v>
      </c>
      <c r="B104" s="75">
        <v>82</v>
      </c>
      <c r="C104" s="76">
        <v>70.3463607544262</v>
      </c>
      <c r="D104" s="77">
        <v>5.2176610061986581</v>
      </c>
      <c r="E104" s="280">
        <v>0.30300990858074173</v>
      </c>
      <c r="F104" s="281">
        <v>9.9935032844638089E-2</v>
      </c>
      <c r="G104" s="280">
        <v>0.42029210633793018</v>
      </c>
      <c r="H104" s="281">
        <v>0.1065797913639713</v>
      </c>
    </row>
    <row r="105" spans="1:8" s="5" customFormat="1">
      <c r="A105" s="40" t="s">
        <v>541</v>
      </c>
      <c r="B105" s="72">
        <v>91</v>
      </c>
      <c r="C105" s="73">
        <v>77.352792435064899</v>
      </c>
      <c r="D105" s="74">
        <v>4.2518050809099375</v>
      </c>
      <c r="E105" s="278">
        <v>0.10057183870666624</v>
      </c>
      <c r="F105" s="279">
        <v>6.6049259378876277E-2</v>
      </c>
      <c r="G105" s="278">
        <v>0.45250000605861979</v>
      </c>
      <c r="H105" s="279">
        <v>0.10217214586499442</v>
      </c>
    </row>
    <row r="106" spans="1:8" s="5" customFormat="1">
      <c r="A106" s="44" t="s">
        <v>542</v>
      </c>
      <c r="B106" s="75">
        <v>71</v>
      </c>
      <c r="C106" s="76">
        <v>76.24030261094714</v>
      </c>
      <c r="D106" s="77">
        <v>5.2080631690824832</v>
      </c>
      <c r="E106" s="280">
        <v>0.1427505626621407</v>
      </c>
      <c r="F106" s="281">
        <v>8.5048495950187111E-2</v>
      </c>
      <c r="G106" s="280">
        <v>0.41154490062826449</v>
      </c>
      <c r="H106" s="281">
        <v>0.1138391923341124</v>
      </c>
    </row>
    <row r="107" spans="1:8">
      <c r="A107" s="40" t="s">
        <v>543</v>
      </c>
      <c r="B107" s="78">
        <v>466</v>
      </c>
      <c r="C107" s="79">
        <v>71.525708365533333</v>
      </c>
      <c r="D107" s="80">
        <v>2.1363173787068943</v>
      </c>
      <c r="E107" s="282">
        <v>0.2521130576793717</v>
      </c>
      <c r="F107" s="283">
        <v>4.0169167323982971E-2</v>
      </c>
      <c r="G107" s="282">
        <v>0.38366220786816896</v>
      </c>
      <c r="H107" s="283">
        <v>4.4882343774460987E-2</v>
      </c>
    </row>
    <row r="108" spans="1:8">
      <c r="A108" s="44" t="s">
        <v>616</v>
      </c>
      <c r="B108" s="75">
        <v>240</v>
      </c>
      <c r="C108" s="76">
        <v>72.054003416709691</v>
      </c>
      <c r="D108" s="77">
        <v>2.9891231510942577</v>
      </c>
      <c r="E108" s="280">
        <v>0.26209879383072987</v>
      </c>
      <c r="F108" s="281">
        <v>5.657483724472042E-2</v>
      </c>
      <c r="G108" s="280">
        <v>0.38984902146411182</v>
      </c>
      <c r="H108" s="281">
        <v>6.2497385160426785E-2</v>
      </c>
    </row>
    <row r="109" spans="1:8">
      <c r="A109" s="52" t="s">
        <v>544</v>
      </c>
      <c r="B109" s="72">
        <v>226</v>
      </c>
      <c r="C109" s="73">
        <v>71.052615899939426</v>
      </c>
      <c r="D109" s="74">
        <v>3.0557679246459277</v>
      </c>
      <c r="E109" s="278">
        <v>0.24317075067479457</v>
      </c>
      <c r="F109" s="279">
        <v>5.6922997725024731E-2</v>
      </c>
      <c r="G109" s="278">
        <v>0.37812186655367191</v>
      </c>
      <c r="H109" s="279">
        <v>6.4018733452308782E-2</v>
      </c>
    </row>
    <row r="110" spans="1:8">
      <c r="A110" s="44" t="s">
        <v>545</v>
      </c>
      <c r="B110" s="75">
        <v>111</v>
      </c>
      <c r="C110" s="76">
        <v>68.534053887675455</v>
      </c>
      <c r="D110" s="77">
        <v>4.9798338752608871</v>
      </c>
      <c r="E110" s="280">
        <v>0.30321845871233571</v>
      </c>
      <c r="F110" s="281">
        <v>8.6260263201861864E-2</v>
      </c>
      <c r="G110" s="280">
        <v>0.3702298061921524</v>
      </c>
      <c r="H110" s="281">
        <v>9.0277027218954059E-2</v>
      </c>
    </row>
    <row r="111" spans="1:8">
      <c r="A111" s="52" t="s">
        <v>546</v>
      </c>
      <c r="B111" s="72">
        <v>284</v>
      </c>
      <c r="C111" s="73">
        <v>74.816740665173072</v>
      </c>
      <c r="D111" s="74">
        <v>2.5016064138145677</v>
      </c>
      <c r="E111" s="278">
        <v>0.20589314538136883</v>
      </c>
      <c r="F111" s="279">
        <v>4.7999886854931187E-2</v>
      </c>
      <c r="G111" s="278">
        <v>0.43111804811803822</v>
      </c>
      <c r="H111" s="279">
        <v>5.8379286579618626E-2</v>
      </c>
    </row>
    <row r="112" spans="1:8">
      <c r="A112" s="44" t="s">
        <v>557</v>
      </c>
      <c r="B112" s="75">
        <v>110</v>
      </c>
      <c r="C112" s="76">
        <v>73.808145347480902</v>
      </c>
      <c r="D112" s="77">
        <v>4.0770420916083614</v>
      </c>
      <c r="E112" s="280">
        <v>0.23785443344323642</v>
      </c>
      <c r="F112" s="281">
        <v>8.0789432636057742E-2</v>
      </c>
      <c r="G112" s="280">
        <v>0.41766840036214492</v>
      </c>
      <c r="H112" s="281">
        <v>9.2468837053853767E-2</v>
      </c>
    </row>
    <row r="113" spans="1:23">
      <c r="A113" s="52" t="s">
        <v>558</v>
      </c>
      <c r="B113" s="72">
        <v>111</v>
      </c>
      <c r="C113" s="73">
        <v>76.390827050049964</v>
      </c>
      <c r="D113" s="74">
        <v>3.9109063396152104</v>
      </c>
      <c r="E113" s="278">
        <v>0.16299164974147243</v>
      </c>
      <c r="F113" s="279">
        <v>7.0818521177457919E-2</v>
      </c>
      <c r="G113" s="278">
        <v>0.47914319025447433</v>
      </c>
      <c r="H113" s="279">
        <v>9.317486664770272E-2</v>
      </c>
    </row>
    <row r="114" spans="1:23">
      <c r="A114" s="44" t="s">
        <v>549</v>
      </c>
      <c r="B114" s="75">
        <v>63</v>
      </c>
      <c r="C114" s="76">
        <v>74.055851877177417</v>
      </c>
      <c r="D114" s="77">
        <v>5.446363660136603</v>
      </c>
      <c r="E114" s="280">
        <v>0.21870546089519852</v>
      </c>
      <c r="F114" s="281">
        <v>0.10367552947146981</v>
      </c>
      <c r="G114" s="280">
        <v>0.37720453033120693</v>
      </c>
      <c r="H114" s="281">
        <v>0.11886728409208631</v>
      </c>
    </row>
    <row r="115" spans="1:23">
      <c r="A115" s="52" t="s">
        <v>550</v>
      </c>
      <c r="B115" s="72">
        <v>157</v>
      </c>
      <c r="C115" s="73">
        <v>70.513254556163702</v>
      </c>
      <c r="D115" s="74">
        <v>3.5498063067969374</v>
      </c>
      <c r="E115" s="278">
        <v>0.24949540926843256</v>
      </c>
      <c r="F115" s="279">
        <v>6.876494385374711E-2</v>
      </c>
      <c r="G115" s="278">
        <v>0.32186250916539272</v>
      </c>
      <c r="H115" s="279">
        <v>7.3901771331398802E-2</v>
      </c>
    </row>
    <row r="116" spans="1:23">
      <c r="A116" s="44" t="s">
        <v>551</v>
      </c>
      <c r="B116" s="75">
        <v>625</v>
      </c>
      <c r="C116" s="76">
        <v>66.079818996388667</v>
      </c>
      <c r="D116" s="77">
        <v>1.9526215822909705</v>
      </c>
      <c r="E116" s="280">
        <v>0.3377816925475795</v>
      </c>
      <c r="F116" s="281">
        <v>3.7743915267067475E-2</v>
      </c>
      <c r="G116" s="280">
        <v>0.28391310401033715</v>
      </c>
      <c r="H116" s="281">
        <v>3.6009046880232695E-2</v>
      </c>
    </row>
    <row r="117" spans="1:23" s="5" customFormat="1"/>
    <row r="119" spans="1:23" s="5" customFormat="1" ht="18.75">
      <c r="A119" s="343" t="s">
        <v>223</v>
      </c>
      <c r="B119" s="343"/>
      <c r="C119" s="343"/>
      <c r="D119" s="343"/>
      <c r="E119" s="343"/>
      <c r="F119" s="343"/>
      <c r="G119" s="343"/>
      <c r="H119" s="343"/>
      <c r="I119" s="343"/>
      <c r="J119" s="343"/>
      <c r="K119" s="343"/>
      <c r="L119" s="343"/>
      <c r="M119" s="343"/>
      <c r="N119" s="343"/>
      <c r="O119" s="343"/>
      <c r="P119" s="343"/>
      <c r="Q119" s="343"/>
      <c r="R119" s="343"/>
      <c r="S119" s="343"/>
      <c r="T119" s="343"/>
      <c r="U119" s="343"/>
      <c r="V119" s="343"/>
      <c r="W119" s="225"/>
    </row>
    <row r="120" spans="1:23" s="5" customFormat="1" ht="73.5" customHeight="1">
      <c r="A120" s="341" t="s">
        <v>582</v>
      </c>
      <c r="B120" s="341"/>
      <c r="C120" s="341"/>
      <c r="D120" s="341"/>
      <c r="E120" s="341"/>
      <c r="F120" s="341"/>
      <c r="G120" s="341"/>
      <c r="H120" s="341"/>
      <c r="I120" s="341"/>
      <c r="J120" s="341"/>
      <c r="K120" s="341"/>
      <c r="L120" s="341"/>
      <c r="M120" s="341"/>
      <c r="N120" s="341"/>
      <c r="O120" s="341"/>
      <c r="P120" s="341"/>
      <c r="Q120" s="341"/>
      <c r="R120" s="341"/>
      <c r="S120" s="341"/>
      <c r="T120" s="341"/>
      <c r="U120" s="341"/>
      <c r="V120" s="341"/>
    </row>
    <row r="121" spans="1:23" s="5" customFormat="1" ht="48.75" customHeight="1">
      <c r="A121" s="59" t="s">
        <v>245</v>
      </c>
      <c r="B121" s="338" t="s">
        <v>226</v>
      </c>
      <c r="C121" s="339"/>
      <c r="D121" s="339"/>
      <c r="E121" s="339"/>
      <c r="F121" s="339"/>
      <c r="G121" s="339"/>
      <c r="H121" s="340"/>
      <c r="I121" s="333" t="s">
        <v>225</v>
      </c>
      <c r="J121" s="334"/>
      <c r="K121" s="334"/>
      <c r="L121" s="334"/>
      <c r="M121" s="334"/>
      <c r="N121" s="334"/>
      <c r="O121" s="335"/>
      <c r="P121" s="333" t="s">
        <v>224</v>
      </c>
      <c r="Q121" s="334"/>
      <c r="R121" s="334"/>
      <c r="S121" s="334"/>
      <c r="T121" s="334"/>
      <c r="U121" s="334"/>
      <c r="V121" s="335"/>
    </row>
    <row r="122" spans="1:23" s="5" customFormat="1" ht="43.5" customHeight="1">
      <c r="A122" s="32" t="s">
        <v>71</v>
      </c>
      <c r="B122" s="60" t="s">
        <v>72</v>
      </c>
      <c r="C122" s="61" t="s">
        <v>591</v>
      </c>
      <c r="D122" s="62" t="s">
        <v>73</v>
      </c>
      <c r="E122" s="61" t="s">
        <v>331</v>
      </c>
      <c r="F122" s="62" t="s">
        <v>335</v>
      </c>
      <c r="G122" s="61" t="s">
        <v>333</v>
      </c>
      <c r="H122" s="62" t="s">
        <v>336</v>
      </c>
      <c r="I122" s="33" t="s">
        <v>72</v>
      </c>
      <c r="J122" s="34" t="s">
        <v>591</v>
      </c>
      <c r="K122" s="35" t="s">
        <v>73</v>
      </c>
      <c r="L122" s="33" t="s">
        <v>331</v>
      </c>
      <c r="M122" s="35" t="s">
        <v>335</v>
      </c>
      <c r="N122" s="34" t="s">
        <v>333</v>
      </c>
      <c r="O122" s="35" t="s">
        <v>335</v>
      </c>
      <c r="P122" s="60" t="s">
        <v>72</v>
      </c>
      <c r="Q122" s="61" t="s">
        <v>591</v>
      </c>
      <c r="R122" s="62" t="s">
        <v>73</v>
      </c>
      <c r="S122" s="60" t="s">
        <v>331</v>
      </c>
      <c r="T122" s="62" t="s">
        <v>335</v>
      </c>
      <c r="U122" s="61" t="s">
        <v>333</v>
      </c>
      <c r="V122" s="62" t="s">
        <v>335</v>
      </c>
    </row>
    <row r="123" spans="1:23" s="5" customFormat="1" ht="64.5" customHeight="1">
      <c r="A123" s="36"/>
      <c r="B123" s="63" t="s">
        <v>74</v>
      </c>
      <c r="C123" s="64" t="s">
        <v>246</v>
      </c>
      <c r="D123" s="65" t="s">
        <v>76</v>
      </c>
      <c r="E123" s="64" t="s">
        <v>332</v>
      </c>
      <c r="F123" s="65" t="s">
        <v>88</v>
      </c>
      <c r="G123" s="64" t="s">
        <v>334</v>
      </c>
      <c r="H123" s="65" t="s">
        <v>88</v>
      </c>
      <c r="I123" s="37" t="s">
        <v>74</v>
      </c>
      <c r="J123" s="38" t="s">
        <v>246</v>
      </c>
      <c r="K123" s="39" t="s">
        <v>76</v>
      </c>
      <c r="L123" s="37" t="s">
        <v>332</v>
      </c>
      <c r="M123" s="39" t="s">
        <v>88</v>
      </c>
      <c r="N123" s="123" t="s">
        <v>334</v>
      </c>
      <c r="O123" s="39" t="s">
        <v>88</v>
      </c>
      <c r="P123" s="63" t="s">
        <v>74</v>
      </c>
      <c r="Q123" s="64" t="s">
        <v>246</v>
      </c>
      <c r="R123" s="65" t="s">
        <v>76</v>
      </c>
      <c r="S123" s="63" t="s">
        <v>332</v>
      </c>
      <c r="T123" s="65" t="s">
        <v>88</v>
      </c>
      <c r="U123" s="254" t="s">
        <v>334</v>
      </c>
      <c r="V123" s="65" t="s">
        <v>88</v>
      </c>
    </row>
    <row r="124" spans="1:23" s="5" customFormat="1">
      <c r="A124" s="40" t="s">
        <v>350</v>
      </c>
      <c r="B124" s="66">
        <v>13595</v>
      </c>
      <c r="C124" s="67">
        <v>66.671008525665897</v>
      </c>
      <c r="D124" s="68">
        <v>0.4352659319735202</v>
      </c>
      <c r="E124" s="271">
        <v>0.29427832367242951</v>
      </c>
      <c r="F124" s="272">
        <v>7.8162492592661649E-3</v>
      </c>
      <c r="G124" s="271">
        <v>0.26440420139730286</v>
      </c>
      <c r="H124" s="272">
        <v>7.5642652928588853E-3</v>
      </c>
      <c r="I124" s="66">
        <v>13488</v>
      </c>
      <c r="J124" s="67">
        <v>66.618202836074161</v>
      </c>
      <c r="K124" s="68">
        <v>0.44084708176087417</v>
      </c>
      <c r="L124" s="271">
        <v>0.2976766307416695</v>
      </c>
      <c r="M124" s="272">
        <v>7.8733211221182799E-3</v>
      </c>
      <c r="N124" s="271">
        <v>0.27811808775732949</v>
      </c>
      <c r="O124" s="272">
        <v>7.715624666684703E-3</v>
      </c>
      <c r="P124" s="66">
        <v>13500</v>
      </c>
      <c r="Q124" s="67">
        <v>67.647801110856562</v>
      </c>
      <c r="R124" s="68">
        <v>0.4229868689948128</v>
      </c>
      <c r="S124" s="271">
        <v>0.28061620895654121</v>
      </c>
      <c r="T124" s="272">
        <v>7.7333229177852549E-3</v>
      </c>
      <c r="U124" s="271">
        <v>0.28447116453549126</v>
      </c>
      <c r="V124" s="272">
        <v>7.765346301956827E-3</v>
      </c>
    </row>
    <row r="125" spans="1:23" s="5" customFormat="1">
      <c r="A125" s="44" t="s">
        <v>351</v>
      </c>
      <c r="B125" s="69">
        <v>10073</v>
      </c>
      <c r="C125" s="70">
        <v>69.017358204016944</v>
      </c>
      <c r="D125" s="71">
        <v>0.49241329407288709</v>
      </c>
      <c r="E125" s="274">
        <v>0.25722059746896392</v>
      </c>
      <c r="F125" s="275">
        <v>8.7096425078187715E-3</v>
      </c>
      <c r="G125" s="274">
        <v>0.29983537550732603</v>
      </c>
      <c r="H125" s="275">
        <v>9.1293272634278416E-3</v>
      </c>
      <c r="I125" s="69">
        <v>9989</v>
      </c>
      <c r="J125" s="70">
        <v>68.856140725307412</v>
      </c>
      <c r="K125" s="71">
        <v>0.50027931883321508</v>
      </c>
      <c r="L125" s="274">
        <v>0.26323630773319057</v>
      </c>
      <c r="M125" s="275">
        <v>8.8118944317164601E-3</v>
      </c>
      <c r="N125" s="274">
        <v>0.31720661259196503</v>
      </c>
      <c r="O125" s="275">
        <v>9.3116068896594226E-3</v>
      </c>
      <c r="P125" s="69">
        <v>10003</v>
      </c>
      <c r="Q125" s="70">
        <v>70.109356682736859</v>
      </c>
      <c r="R125" s="71">
        <v>0.47747551305841629</v>
      </c>
      <c r="S125" s="274">
        <v>0.24142759489581603</v>
      </c>
      <c r="T125" s="275">
        <v>8.5572333156978906E-3</v>
      </c>
      <c r="U125" s="274">
        <v>0.32555929066739525</v>
      </c>
      <c r="V125" s="275">
        <v>9.3689092615848318E-3</v>
      </c>
    </row>
    <row r="126" spans="1:23" s="5" customFormat="1">
      <c r="A126" s="40" t="s">
        <v>352</v>
      </c>
      <c r="B126" s="49">
        <v>3522</v>
      </c>
      <c r="C126" s="50">
        <v>64.681314939341803</v>
      </c>
      <c r="D126" s="51">
        <v>0.89516544038157875</v>
      </c>
      <c r="E126" s="268">
        <v>0.3257031026945264</v>
      </c>
      <c r="F126" s="277">
        <v>1.5786776890086018E-2</v>
      </c>
      <c r="G126" s="268">
        <v>0.23435873096588655</v>
      </c>
      <c r="H126" s="277">
        <v>1.4273669403777344E-2</v>
      </c>
      <c r="I126" s="49">
        <v>3499</v>
      </c>
      <c r="J126" s="50">
        <v>64.722765909225885</v>
      </c>
      <c r="K126" s="51">
        <v>0.90037310350955169</v>
      </c>
      <c r="L126" s="268">
        <v>0.32684609979480589</v>
      </c>
      <c r="M126" s="277">
        <v>1.5852811422488372E-2</v>
      </c>
      <c r="N126" s="268">
        <v>0.24501179211611837</v>
      </c>
      <c r="O126" s="277">
        <v>1.4539438784733552E-2</v>
      </c>
      <c r="P126" s="49">
        <v>3497</v>
      </c>
      <c r="Q126" s="50">
        <v>65.559882620440547</v>
      </c>
      <c r="R126" s="51">
        <v>0.87150522196120939</v>
      </c>
      <c r="S126" s="268">
        <v>0.31385642211518133</v>
      </c>
      <c r="T126" s="277">
        <v>1.5688691668993459E-2</v>
      </c>
      <c r="U126" s="268">
        <v>0.24961976436098715</v>
      </c>
      <c r="V126" s="277">
        <v>1.4634572147230528E-2</v>
      </c>
    </row>
    <row r="127" spans="1:23" s="5" customFormat="1">
      <c r="A127" s="44" t="s">
        <v>555</v>
      </c>
      <c r="B127" s="69">
        <v>3539</v>
      </c>
      <c r="C127" s="70">
        <v>67.943608886683379</v>
      </c>
      <c r="D127" s="71">
        <v>0.81507853959786813</v>
      </c>
      <c r="E127" s="274">
        <v>0.27633410128644931</v>
      </c>
      <c r="F127" s="275">
        <v>1.5029802376246309E-2</v>
      </c>
      <c r="G127" s="274">
        <v>0.27222132244094915</v>
      </c>
      <c r="H127" s="275">
        <v>1.4960063823858137E-2</v>
      </c>
      <c r="I127" s="69">
        <v>3503</v>
      </c>
      <c r="J127" s="70">
        <v>67.747295234605005</v>
      </c>
      <c r="K127" s="71">
        <v>0.83204678581732683</v>
      </c>
      <c r="L127" s="274">
        <v>0.28323686387086977</v>
      </c>
      <c r="M127" s="275">
        <v>1.5220866640123126E-2</v>
      </c>
      <c r="N127" s="274">
        <v>0.2832828613026514</v>
      </c>
      <c r="O127" s="275">
        <v>1.5221611982617735E-2</v>
      </c>
      <c r="P127" s="69">
        <v>3511</v>
      </c>
      <c r="Q127" s="70">
        <v>68.476738034678249</v>
      </c>
      <c r="R127" s="71">
        <v>0.79131812485034114</v>
      </c>
      <c r="S127" s="274">
        <v>0.26347648045263666</v>
      </c>
      <c r="T127" s="275">
        <v>1.4865308106142843E-2</v>
      </c>
      <c r="U127" s="274">
        <v>0.29280026281212718</v>
      </c>
      <c r="V127" s="275">
        <v>1.5354175201824492E-2</v>
      </c>
    </row>
    <row r="128" spans="1:23" s="5" customFormat="1">
      <c r="A128" s="40" t="s">
        <v>556</v>
      </c>
      <c r="B128" s="49">
        <v>2935</v>
      </c>
      <c r="C128" s="50">
        <v>70.686287290833434</v>
      </c>
      <c r="D128" s="51">
        <v>0.87964512315192633</v>
      </c>
      <c r="E128" s="268">
        <v>0.22664715831739868</v>
      </c>
      <c r="F128" s="277">
        <v>1.5454175719216529E-2</v>
      </c>
      <c r="G128" s="268">
        <v>0.31163254431727483</v>
      </c>
      <c r="H128" s="277">
        <v>1.7090684183571025E-2</v>
      </c>
      <c r="I128" s="49">
        <v>2906</v>
      </c>
      <c r="J128" s="50">
        <v>70.037514426716584</v>
      </c>
      <c r="K128" s="51">
        <v>0.89966306624162595</v>
      </c>
      <c r="L128" s="268">
        <v>0.24815351371519309</v>
      </c>
      <c r="M128" s="277">
        <v>1.6021789128740565E-2</v>
      </c>
      <c r="N128" s="268">
        <v>0.32994266260852728</v>
      </c>
      <c r="O128" s="277">
        <v>1.7435593847863747E-2</v>
      </c>
      <c r="P128" s="49">
        <v>2914</v>
      </c>
      <c r="Q128" s="50">
        <v>71.764242985462815</v>
      </c>
      <c r="R128" s="51">
        <v>0.84408955892149851</v>
      </c>
      <c r="S128" s="268">
        <v>0.21115605754579886</v>
      </c>
      <c r="T128" s="277">
        <v>1.5121067483271486E-2</v>
      </c>
      <c r="U128" s="268">
        <v>0.34106890298599413</v>
      </c>
      <c r="V128" s="277">
        <v>1.7554775115520845E-2</v>
      </c>
    </row>
    <row r="129" spans="1:22" s="5" customFormat="1">
      <c r="A129" s="44" t="s">
        <v>536</v>
      </c>
      <c r="B129" s="69">
        <v>328</v>
      </c>
      <c r="C129" s="70">
        <v>70.750547273508886</v>
      </c>
      <c r="D129" s="71">
        <v>2.6543584428313607</v>
      </c>
      <c r="E129" s="274">
        <v>0.23301915876340357</v>
      </c>
      <c r="F129" s="275">
        <v>4.6624421489258425E-2</v>
      </c>
      <c r="G129" s="274">
        <v>0.33094468197491334</v>
      </c>
      <c r="H129" s="275">
        <v>5.1729698110878117E-2</v>
      </c>
      <c r="I129" s="69">
        <v>327</v>
      </c>
      <c r="J129" s="70">
        <v>69.850685773137499</v>
      </c>
      <c r="K129" s="71">
        <v>2.7115184620149351</v>
      </c>
      <c r="L129" s="274">
        <v>0.2566718867252803</v>
      </c>
      <c r="M129" s="275">
        <v>4.819569943374926E-2</v>
      </c>
      <c r="N129" s="274">
        <v>0.34148477917944625</v>
      </c>
      <c r="O129" s="275">
        <v>5.2199542333218718E-2</v>
      </c>
      <c r="P129" s="69">
        <v>323</v>
      </c>
      <c r="Q129" s="70">
        <v>71.816467593218306</v>
      </c>
      <c r="R129" s="71">
        <v>2.5405580268247627</v>
      </c>
      <c r="S129" s="274">
        <v>0.23593031616470872</v>
      </c>
      <c r="T129" s="275">
        <v>4.7178854045371844E-2</v>
      </c>
      <c r="U129" s="274">
        <v>0.35076294179345519</v>
      </c>
      <c r="V129" s="275">
        <v>5.2842138833320243E-2</v>
      </c>
    </row>
    <row r="130" spans="1:22" s="5" customFormat="1">
      <c r="A130" s="40" t="s">
        <v>537</v>
      </c>
      <c r="B130" s="49">
        <v>162</v>
      </c>
      <c r="C130" s="50">
        <v>71.485717215376056</v>
      </c>
      <c r="D130" s="51">
        <v>3.5361058878380578</v>
      </c>
      <c r="E130" s="268">
        <v>0.19907188816411828</v>
      </c>
      <c r="F130" s="277">
        <v>6.2816220437520914E-2</v>
      </c>
      <c r="G130" s="268">
        <v>0.30465739519898616</v>
      </c>
      <c r="H130" s="277">
        <v>7.1752265489526526E-2</v>
      </c>
      <c r="I130" s="49">
        <v>161</v>
      </c>
      <c r="J130" s="50">
        <v>70.853418869291346</v>
      </c>
      <c r="K130" s="51">
        <v>3.7101735166470977</v>
      </c>
      <c r="L130" s="268">
        <v>0.20629366480237038</v>
      </c>
      <c r="M130" s="277">
        <v>6.3792915063274044E-2</v>
      </c>
      <c r="N130" s="268">
        <v>0.32904222536246308</v>
      </c>
      <c r="O130" s="277">
        <v>7.338950603725862E-2</v>
      </c>
      <c r="P130" s="49">
        <v>161</v>
      </c>
      <c r="Q130" s="50">
        <v>72.702190350629508</v>
      </c>
      <c r="R130" s="51">
        <v>3.3075202162793218</v>
      </c>
      <c r="S130" s="268">
        <v>0.18760413123872308</v>
      </c>
      <c r="T130" s="277">
        <v>6.1709615347928667E-2</v>
      </c>
      <c r="U130" s="268">
        <v>0.33204124295704246</v>
      </c>
      <c r="V130" s="277">
        <v>7.3549165832412833E-2</v>
      </c>
    </row>
    <row r="131" spans="1:22" s="5" customFormat="1">
      <c r="A131" s="44" t="s">
        <v>538</v>
      </c>
      <c r="B131" s="69">
        <v>88</v>
      </c>
      <c r="C131" s="70">
        <v>69.19416369977165</v>
      </c>
      <c r="D131" s="71">
        <v>5.5055685472958285</v>
      </c>
      <c r="E131" s="274">
        <v>0.26805935359704913</v>
      </c>
      <c r="F131" s="275">
        <v>9.343209467473125E-2</v>
      </c>
      <c r="G131" s="274">
        <v>0.30499227259325817</v>
      </c>
      <c r="H131" s="275">
        <v>9.6730662251568691E-2</v>
      </c>
      <c r="I131" s="69">
        <v>87</v>
      </c>
      <c r="J131" s="70">
        <v>67.620748057465022</v>
      </c>
      <c r="K131" s="71">
        <v>5.4892244176670877</v>
      </c>
      <c r="L131" s="274">
        <v>0.32929695004238518</v>
      </c>
      <c r="M131" s="275">
        <v>9.9087237464784358E-2</v>
      </c>
      <c r="N131" s="274">
        <v>0.30768813157809705</v>
      </c>
      <c r="O131" s="275">
        <v>9.7483955376865314E-2</v>
      </c>
      <c r="P131" s="69">
        <v>86</v>
      </c>
      <c r="Q131" s="70">
        <v>68.954111600150071</v>
      </c>
      <c r="R131" s="71">
        <v>5.3801609193249575</v>
      </c>
      <c r="S131" s="274">
        <v>0.30564119997121941</v>
      </c>
      <c r="T131" s="275">
        <v>9.7867903527487379E-2</v>
      </c>
      <c r="U131" s="274">
        <v>0.30748770752694055</v>
      </c>
      <c r="V131" s="275">
        <v>9.8015898924685749E-2</v>
      </c>
    </row>
    <row r="132" spans="1:22" s="5" customFormat="1">
      <c r="A132" s="40" t="s">
        <v>539</v>
      </c>
      <c r="B132" s="49">
        <v>245</v>
      </c>
      <c r="C132" s="50">
        <v>74.209988120776444</v>
      </c>
      <c r="D132" s="51">
        <v>2.9532754808134261</v>
      </c>
      <c r="E132" s="268">
        <v>0.17119046296428275</v>
      </c>
      <c r="F132" s="277">
        <v>4.8317887320641822E-2</v>
      </c>
      <c r="G132" s="268">
        <v>0.39045732250955334</v>
      </c>
      <c r="H132" s="277">
        <v>6.1882494484660579E-2</v>
      </c>
      <c r="I132" s="49">
        <v>242</v>
      </c>
      <c r="J132" s="50">
        <v>74.458391730195345</v>
      </c>
      <c r="K132" s="51">
        <v>2.9840970792133774</v>
      </c>
      <c r="L132" s="268">
        <v>0.1873273181882909</v>
      </c>
      <c r="M132" s="277">
        <v>5.0265841196567532E-2</v>
      </c>
      <c r="N132" s="268">
        <v>0.37838660840465954</v>
      </c>
      <c r="O132" s="277">
        <v>6.1905677310509083E-2</v>
      </c>
      <c r="P132" s="49">
        <v>243</v>
      </c>
      <c r="Q132" s="50">
        <v>75.003620971761379</v>
      </c>
      <c r="R132" s="51">
        <v>2.8278692247215425</v>
      </c>
      <c r="S132" s="268">
        <v>0.18831487290460816</v>
      </c>
      <c r="T132" s="277">
        <v>5.0258181283887482E-2</v>
      </c>
      <c r="U132" s="268">
        <v>0.4126197253296322</v>
      </c>
      <c r="V132" s="277">
        <v>6.2680990765525871E-2</v>
      </c>
    </row>
    <row r="133" spans="1:22" s="5" customFormat="1">
      <c r="A133" s="44" t="s">
        <v>540</v>
      </c>
      <c r="B133" s="69">
        <v>82</v>
      </c>
      <c r="C133" s="70">
        <v>68.982138622545207</v>
      </c>
      <c r="D133" s="71">
        <v>5.5129355731342837</v>
      </c>
      <c r="E133" s="274">
        <v>0.26207287457626122</v>
      </c>
      <c r="F133" s="275">
        <v>9.6094479004362771E-2</v>
      </c>
      <c r="G133" s="274">
        <v>0.3373281947982813</v>
      </c>
      <c r="H133" s="275">
        <v>0.10251312557308664</v>
      </c>
      <c r="I133" s="69">
        <v>82</v>
      </c>
      <c r="J133" s="70">
        <v>69.402901196701379</v>
      </c>
      <c r="K133" s="71">
        <v>5.6713557821808118</v>
      </c>
      <c r="L133" s="274">
        <v>0.30300990858074173</v>
      </c>
      <c r="M133" s="275">
        <v>9.9935032844638089E-2</v>
      </c>
      <c r="N133" s="274">
        <v>0.40309820746902475</v>
      </c>
      <c r="O133" s="275">
        <v>0.10597569125002268</v>
      </c>
      <c r="P133" s="69">
        <v>82</v>
      </c>
      <c r="Q133" s="70">
        <v>72.654042444032029</v>
      </c>
      <c r="R133" s="71">
        <v>4.9492523270201545</v>
      </c>
      <c r="S133" s="274">
        <v>0.26290488902711828</v>
      </c>
      <c r="T133" s="275">
        <v>9.6181397530186577E-2</v>
      </c>
      <c r="U133" s="274">
        <v>0.37877287664576365</v>
      </c>
      <c r="V133" s="275">
        <v>0.10491175991304064</v>
      </c>
    </row>
    <row r="134" spans="1:22" s="5" customFormat="1">
      <c r="A134" s="40" t="s">
        <v>541</v>
      </c>
      <c r="B134" s="66">
        <v>92</v>
      </c>
      <c r="C134" s="67">
        <v>77.007494025426979</v>
      </c>
      <c r="D134" s="68">
        <v>4.3475464793035634</v>
      </c>
      <c r="E134" s="271">
        <v>0.11986454535335364</v>
      </c>
      <c r="F134" s="272">
        <v>6.9907104007158924E-2</v>
      </c>
      <c r="G134" s="271">
        <v>0.39160670562942551</v>
      </c>
      <c r="H134" s="272">
        <v>9.9835195065474322E-2</v>
      </c>
      <c r="I134" s="66">
        <v>89</v>
      </c>
      <c r="J134" s="67">
        <v>76.918221634739965</v>
      </c>
      <c r="K134" s="68">
        <v>4.4304444941471575</v>
      </c>
      <c r="L134" s="271">
        <v>0.12523541013525924</v>
      </c>
      <c r="M134" s="272">
        <v>7.2252030288168484E-2</v>
      </c>
      <c r="N134" s="271">
        <v>0.33233342005131455</v>
      </c>
      <c r="O134" s="272">
        <v>9.8210692176793679E-2</v>
      </c>
      <c r="P134" s="66">
        <v>90</v>
      </c>
      <c r="Q134" s="67">
        <v>77.115783102288589</v>
      </c>
      <c r="R134" s="68">
        <v>4.7088211757328198</v>
      </c>
      <c r="S134" s="271">
        <v>0.109825619759274</v>
      </c>
      <c r="T134" s="272">
        <v>6.855485371047039E-2</v>
      </c>
      <c r="U134" s="271">
        <v>0.44712741485984664</v>
      </c>
      <c r="V134" s="272">
        <v>0.10261212724764965</v>
      </c>
    </row>
    <row r="135" spans="1:22" s="5" customFormat="1">
      <c r="A135" s="44" t="s">
        <v>542</v>
      </c>
      <c r="B135" s="69">
        <v>71</v>
      </c>
      <c r="C135" s="70">
        <v>76.514224102566502</v>
      </c>
      <c r="D135" s="71">
        <v>5.6151708806628351</v>
      </c>
      <c r="E135" s="274">
        <v>0.13418819595507192</v>
      </c>
      <c r="F135" s="275">
        <v>8.3290666882491468E-2</v>
      </c>
      <c r="G135" s="274">
        <v>0.44482160589992326</v>
      </c>
      <c r="H135" s="275">
        <v>0.11483819287809635</v>
      </c>
      <c r="I135" s="69">
        <v>71</v>
      </c>
      <c r="J135" s="70">
        <v>77.058749261992759</v>
      </c>
      <c r="K135" s="71">
        <v>5.4620501341821983</v>
      </c>
      <c r="L135" s="274">
        <v>0.13418819595507192</v>
      </c>
      <c r="M135" s="275">
        <v>8.3290666882491468E-2</v>
      </c>
      <c r="N135" s="274">
        <v>0.40298253392119571</v>
      </c>
      <c r="O135" s="275">
        <v>0.11350531885086376</v>
      </c>
      <c r="P135" s="69">
        <v>71</v>
      </c>
      <c r="Q135" s="70">
        <v>75.147934468282259</v>
      </c>
      <c r="R135" s="71">
        <v>5.0949304418315435</v>
      </c>
      <c r="S135" s="274">
        <v>0.19628183494038684</v>
      </c>
      <c r="T135" s="275">
        <v>9.446899411614558E-2</v>
      </c>
      <c r="U135" s="274">
        <v>0.41022085859926677</v>
      </c>
      <c r="V135" s="275">
        <v>0.11378964063642782</v>
      </c>
    </row>
    <row r="136" spans="1:22" s="5" customFormat="1">
      <c r="A136" s="40" t="s">
        <v>543</v>
      </c>
      <c r="B136" s="49">
        <v>467</v>
      </c>
      <c r="C136" s="50">
        <v>71.064470315795205</v>
      </c>
      <c r="D136" s="51">
        <v>2.2320517891003138</v>
      </c>
      <c r="E136" s="268">
        <v>0.23323886688110876</v>
      </c>
      <c r="F136" s="277">
        <v>3.91026797218973E-2</v>
      </c>
      <c r="G136" s="268">
        <v>0.32392449422247194</v>
      </c>
      <c r="H136" s="277">
        <v>4.3177583572929869E-2</v>
      </c>
      <c r="I136" s="49">
        <v>460</v>
      </c>
      <c r="J136" s="50">
        <v>70.694800009010507</v>
      </c>
      <c r="K136" s="51">
        <v>2.3041394781070292</v>
      </c>
      <c r="L136" s="268">
        <v>0.23887330896249817</v>
      </c>
      <c r="M136" s="277">
        <v>3.9717040587127522E-2</v>
      </c>
      <c r="N136" s="268">
        <v>0.34281650921701212</v>
      </c>
      <c r="O136" s="277">
        <v>4.4111681426432042E-2</v>
      </c>
      <c r="P136" s="49">
        <v>465</v>
      </c>
      <c r="Q136" s="50">
        <v>72.554923146345217</v>
      </c>
      <c r="R136" s="51">
        <v>2.1353371645657888</v>
      </c>
      <c r="S136" s="268">
        <v>0.20357774330094722</v>
      </c>
      <c r="T136" s="277">
        <v>3.7356832589905409E-2</v>
      </c>
      <c r="U136" s="268">
        <v>0.33789518619009995</v>
      </c>
      <c r="V136" s="277">
        <v>4.3725091592899654E-2</v>
      </c>
    </row>
    <row r="137" spans="1:22" s="5" customFormat="1">
      <c r="A137" s="44" t="s">
        <v>616</v>
      </c>
      <c r="B137" s="69">
        <v>241</v>
      </c>
      <c r="C137" s="70">
        <v>71.726109168352849</v>
      </c>
      <c r="D137" s="71">
        <v>3.1087279266299896</v>
      </c>
      <c r="E137" s="274">
        <v>0.24633841554850444</v>
      </c>
      <c r="F137" s="275">
        <v>5.5363685784768323E-2</v>
      </c>
      <c r="G137" s="274">
        <v>0.32849097321776638</v>
      </c>
      <c r="H137" s="275">
        <v>6.0140965563671302E-2</v>
      </c>
      <c r="I137" s="69">
        <v>237</v>
      </c>
      <c r="J137" s="70">
        <v>70.932050578286962</v>
      </c>
      <c r="K137" s="71">
        <v>3.2054969524966794</v>
      </c>
      <c r="L137" s="274">
        <v>0.25726847780939688</v>
      </c>
      <c r="M137" s="275">
        <v>5.660095175024614E-2</v>
      </c>
      <c r="N137" s="274">
        <v>0.34042725726362799</v>
      </c>
      <c r="O137" s="275">
        <v>6.1160937993598029E-2</v>
      </c>
      <c r="P137" s="69">
        <v>240</v>
      </c>
      <c r="Q137" s="70">
        <v>73.283605850145676</v>
      </c>
      <c r="R137" s="71">
        <v>3.0007597809777153</v>
      </c>
      <c r="S137" s="274">
        <v>0.20384212043632949</v>
      </c>
      <c r="T137" s="275">
        <v>5.2031305182770188E-2</v>
      </c>
      <c r="U137" s="274">
        <v>0.38338707710239445</v>
      </c>
      <c r="V137" s="275">
        <v>6.2311173976663012E-2</v>
      </c>
    </row>
    <row r="138" spans="1:22" s="5" customFormat="1">
      <c r="A138" s="52" t="s">
        <v>544</v>
      </c>
      <c r="B138" s="66">
        <v>226</v>
      </c>
      <c r="C138" s="67">
        <v>70.469861765243778</v>
      </c>
      <c r="D138" s="68">
        <v>3.2090735258945311</v>
      </c>
      <c r="E138" s="271">
        <v>0.22146642695275581</v>
      </c>
      <c r="F138" s="272">
        <v>5.5182551057428392E-2</v>
      </c>
      <c r="G138" s="271">
        <v>0.31982064293559392</v>
      </c>
      <c r="H138" s="272">
        <v>6.1665970269000545E-2</v>
      </c>
      <c r="I138" s="66">
        <v>223</v>
      </c>
      <c r="J138" s="67">
        <v>70.48177184310461</v>
      </c>
      <c r="K138" s="68">
        <v>3.3169623736082765</v>
      </c>
      <c r="L138" s="271">
        <v>0.22235621864345004</v>
      </c>
      <c r="M138" s="272">
        <v>5.5627249803554324E-2</v>
      </c>
      <c r="N138" s="271">
        <v>0.34496182740557557</v>
      </c>
      <c r="O138" s="272">
        <v>6.3218077854625507E-2</v>
      </c>
      <c r="P138" s="66">
        <v>225</v>
      </c>
      <c r="Q138" s="67">
        <v>71.900298610781263</v>
      </c>
      <c r="R138" s="68">
        <v>3.0384041945374407</v>
      </c>
      <c r="S138" s="271">
        <v>0.20334023559208908</v>
      </c>
      <c r="T138" s="272">
        <v>5.3691763612838957E-2</v>
      </c>
      <c r="U138" s="271">
        <v>0.29702677006731415</v>
      </c>
      <c r="V138" s="272">
        <v>6.0597971378314533E-2</v>
      </c>
    </row>
    <row r="139" spans="1:22" s="5" customFormat="1">
      <c r="A139" s="44" t="s">
        <v>545</v>
      </c>
      <c r="B139" s="69">
        <v>111</v>
      </c>
      <c r="C139" s="70">
        <v>68.690812890907736</v>
      </c>
      <c r="D139" s="71">
        <v>5.1337674457801423</v>
      </c>
      <c r="E139" s="274">
        <v>0.2708611656563914</v>
      </c>
      <c r="F139" s="275">
        <v>8.3631566173844596E-2</v>
      </c>
      <c r="G139" s="274">
        <v>0.33636450434295395</v>
      </c>
      <c r="H139" s="275">
        <v>8.8475739293545075E-2</v>
      </c>
      <c r="I139" s="69">
        <v>111</v>
      </c>
      <c r="J139" s="70">
        <v>67.082355149423591</v>
      </c>
      <c r="K139" s="71">
        <v>5.3136988782987702</v>
      </c>
      <c r="L139" s="274">
        <v>0.31513409772188478</v>
      </c>
      <c r="M139" s="275">
        <v>8.7110259169265819E-2</v>
      </c>
      <c r="N139" s="274">
        <v>0.36824485646062455</v>
      </c>
      <c r="O139" s="275">
        <v>9.0183810729782821E-2</v>
      </c>
      <c r="P139" s="69">
        <v>110</v>
      </c>
      <c r="Q139" s="70">
        <v>69.828915293137953</v>
      </c>
      <c r="R139" s="71">
        <v>5.0469332518937868</v>
      </c>
      <c r="S139" s="274">
        <v>0.24817071719374706</v>
      </c>
      <c r="T139" s="275">
        <v>8.1854453734290664E-2</v>
      </c>
      <c r="U139" s="274">
        <v>0.36902148836284093</v>
      </c>
      <c r="V139" s="275">
        <v>9.0617258403918488E-2</v>
      </c>
    </row>
    <row r="140" spans="1:22" s="5" customFormat="1">
      <c r="A140" s="52" t="s">
        <v>546</v>
      </c>
      <c r="B140" s="66">
        <v>286</v>
      </c>
      <c r="C140" s="67">
        <v>74.863977770269415</v>
      </c>
      <c r="D140" s="68">
        <v>2.6045786157498574</v>
      </c>
      <c r="E140" s="271">
        <v>0.19301156295358116</v>
      </c>
      <c r="F140" s="272">
        <v>4.6733277900518864E-2</v>
      </c>
      <c r="G140" s="271">
        <v>0.3703348618183101</v>
      </c>
      <c r="H140" s="272">
        <v>5.6769049542894745E-2</v>
      </c>
      <c r="I140" s="66">
        <v>282</v>
      </c>
      <c r="J140" s="67">
        <v>74.555896094529913</v>
      </c>
      <c r="K140" s="68">
        <v>2.6349471687274626</v>
      </c>
      <c r="L140" s="271">
        <v>0.19307375766546106</v>
      </c>
      <c r="M140" s="272">
        <v>4.7069792512355019E-2</v>
      </c>
      <c r="N140" s="271">
        <v>0.39935838952244496</v>
      </c>
      <c r="O140" s="272">
        <v>5.7954962764651181E-2</v>
      </c>
      <c r="P140" s="66">
        <v>282</v>
      </c>
      <c r="Q140" s="67">
        <v>74.838202506282357</v>
      </c>
      <c r="R140" s="68">
        <v>2.5685408965991656</v>
      </c>
      <c r="S140" s="271">
        <v>0.1710834709368147</v>
      </c>
      <c r="T140" s="272">
        <v>4.500488534857771E-2</v>
      </c>
      <c r="U140" s="271">
        <v>0.41638247606153234</v>
      </c>
      <c r="V140" s="272">
        <v>5.8321788725234885E-2</v>
      </c>
    </row>
    <row r="141" spans="1:22" s="5" customFormat="1">
      <c r="A141" s="44" t="s">
        <v>557</v>
      </c>
      <c r="B141" s="69">
        <v>111</v>
      </c>
      <c r="C141" s="70">
        <v>74.014478470245024</v>
      </c>
      <c r="D141" s="71">
        <v>4.285393829737429</v>
      </c>
      <c r="E141" s="274">
        <v>0.20879417750628079</v>
      </c>
      <c r="F141" s="275">
        <v>7.712119487952096E-2</v>
      </c>
      <c r="G141" s="274">
        <v>0.35114269612415261</v>
      </c>
      <c r="H141" s="275">
        <v>8.9317441838506109E-2</v>
      </c>
      <c r="I141" s="69">
        <v>109</v>
      </c>
      <c r="J141" s="70">
        <v>73.250991720402524</v>
      </c>
      <c r="K141" s="71">
        <v>4.3098344705091947</v>
      </c>
      <c r="L141" s="274">
        <v>0.1847332127813974</v>
      </c>
      <c r="M141" s="275">
        <v>7.4671906031320637E-2</v>
      </c>
      <c r="N141" s="274">
        <v>0.3675748547247944</v>
      </c>
      <c r="O141" s="275">
        <v>9.0950365449279882E-2</v>
      </c>
      <c r="P141" s="69">
        <v>110</v>
      </c>
      <c r="Q141" s="70">
        <v>74.160044536589297</v>
      </c>
      <c r="R141" s="71">
        <v>4.1301469418736048</v>
      </c>
      <c r="S141" s="274">
        <v>0.19574662899937637</v>
      </c>
      <c r="T141" s="275">
        <v>7.5814192777305431E-2</v>
      </c>
      <c r="U141" s="274">
        <v>0.41193309835288827</v>
      </c>
      <c r="V141" s="275">
        <v>9.2296041147262309E-2</v>
      </c>
    </row>
    <row r="142" spans="1:22" s="5" customFormat="1">
      <c r="A142" s="52" t="s">
        <v>558</v>
      </c>
      <c r="B142" s="66">
        <v>112</v>
      </c>
      <c r="C142" s="67">
        <v>76.370948344908641</v>
      </c>
      <c r="D142" s="68">
        <v>4.0800437199565334</v>
      </c>
      <c r="E142" s="271">
        <v>0.16180461533554413</v>
      </c>
      <c r="F142" s="272">
        <v>7.0313556304011163E-2</v>
      </c>
      <c r="G142" s="271">
        <v>0.40810694566827749</v>
      </c>
      <c r="H142" s="272">
        <v>9.1374182116083863E-2</v>
      </c>
      <c r="I142" s="66">
        <v>111</v>
      </c>
      <c r="J142" s="67">
        <v>76.797965763570176</v>
      </c>
      <c r="K142" s="68">
        <v>4.1837166548060178</v>
      </c>
      <c r="L142" s="271">
        <v>0.18086691415191442</v>
      </c>
      <c r="M142" s="272">
        <v>7.3452922820946218E-2</v>
      </c>
      <c r="N142" s="271">
        <v>0.47630682293911597</v>
      </c>
      <c r="O142" s="272">
        <v>9.3152890836130167E-2</v>
      </c>
      <c r="P142" s="66">
        <v>111</v>
      </c>
      <c r="Q142" s="67">
        <v>76.243487763480616</v>
      </c>
      <c r="R142" s="68">
        <v>3.9620601786740171</v>
      </c>
      <c r="S142" s="271">
        <v>0.12857232523127318</v>
      </c>
      <c r="T142" s="272">
        <v>6.500078671030099E-2</v>
      </c>
      <c r="U142" s="271">
        <v>0.43188830563511771</v>
      </c>
      <c r="V142" s="272">
        <v>9.2440892815173287E-2</v>
      </c>
    </row>
    <row r="143" spans="1:22" s="5" customFormat="1">
      <c r="A143" s="44" t="s">
        <v>549</v>
      </c>
      <c r="B143" s="69">
        <v>63</v>
      </c>
      <c r="C143" s="70">
        <v>73.90585607757825</v>
      </c>
      <c r="D143" s="71">
        <v>5.5709321255165811</v>
      </c>
      <c r="E143" s="274">
        <v>0.2160617291028096</v>
      </c>
      <c r="F143" s="275">
        <v>0.10329441612870754</v>
      </c>
      <c r="G143" s="274">
        <v>0.34259392576028808</v>
      </c>
      <c r="H143" s="275">
        <v>0.1166941213291518</v>
      </c>
      <c r="I143" s="69">
        <v>62</v>
      </c>
      <c r="J143" s="70">
        <v>73.173550442544311</v>
      </c>
      <c r="K143" s="71">
        <v>5.5450882424404613</v>
      </c>
      <c r="L143" s="274">
        <v>0.22927701088253538</v>
      </c>
      <c r="M143" s="275">
        <v>0.10597987474469954</v>
      </c>
      <c r="N143" s="274">
        <v>0.32777642462609058</v>
      </c>
      <c r="O143" s="275">
        <v>0.11646962419516678</v>
      </c>
      <c r="P143" s="69">
        <v>61</v>
      </c>
      <c r="Q143" s="70">
        <v>73.709106739242088</v>
      </c>
      <c r="R143" s="71">
        <v>5.8366180127799536</v>
      </c>
      <c r="S143" s="274">
        <v>0.19750738188976824</v>
      </c>
      <c r="T143" s="275">
        <v>0.10210506154536035</v>
      </c>
      <c r="U143" s="274">
        <v>0.39826997969766209</v>
      </c>
      <c r="V143" s="275">
        <v>0.12175272145755431</v>
      </c>
    </row>
    <row r="144" spans="1:22" s="5" customFormat="1">
      <c r="A144" s="52" t="s">
        <v>550</v>
      </c>
      <c r="B144" s="66">
        <v>157</v>
      </c>
      <c r="C144" s="67">
        <v>70.192401083383629</v>
      </c>
      <c r="D144" s="68">
        <v>3.6444754072797916</v>
      </c>
      <c r="E144" s="271">
        <v>0.21931365236896841</v>
      </c>
      <c r="F144" s="272">
        <v>6.5953365318265747E-2</v>
      </c>
      <c r="G144" s="271">
        <v>0.29223032787946795</v>
      </c>
      <c r="H144" s="272">
        <v>7.2050727965297337E-2</v>
      </c>
      <c r="I144" s="66">
        <v>154</v>
      </c>
      <c r="J144" s="67">
        <v>70.529531217303472</v>
      </c>
      <c r="K144" s="68">
        <v>3.7086936047157604</v>
      </c>
      <c r="L144" s="271">
        <v>0.22278309885400327</v>
      </c>
      <c r="M144" s="272">
        <v>6.6938973634274396E-2</v>
      </c>
      <c r="N144" s="271">
        <v>0.31279926374757111</v>
      </c>
      <c r="O144" s="272">
        <v>7.4069384059727961E-2</v>
      </c>
      <c r="P144" s="66">
        <v>157</v>
      </c>
      <c r="Q144" s="67">
        <v>70.791699663517818</v>
      </c>
      <c r="R144" s="68">
        <v>3.6155774094527273</v>
      </c>
      <c r="S144" s="271">
        <v>0.22838779157804445</v>
      </c>
      <c r="T144" s="272">
        <v>6.6844961928888044E-2</v>
      </c>
      <c r="U144" s="271">
        <v>0.3063399092636051</v>
      </c>
      <c r="V144" s="272">
        <v>7.2973437462916027E-2</v>
      </c>
    </row>
    <row r="145" spans="1:45" s="5" customFormat="1">
      <c r="A145" s="44" t="s">
        <v>551</v>
      </c>
      <c r="B145" s="69">
        <v>627</v>
      </c>
      <c r="C145" s="70">
        <v>65.951055185575683</v>
      </c>
      <c r="D145" s="71">
        <v>2.028434791147093</v>
      </c>
      <c r="E145" s="274">
        <v>0.31202031483722609</v>
      </c>
      <c r="F145" s="275">
        <v>3.6927154278750013E-2</v>
      </c>
      <c r="G145" s="274">
        <v>0.24106773459906342</v>
      </c>
      <c r="H145" s="275">
        <v>3.4134201000764738E-2</v>
      </c>
      <c r="I145" s="69">
        <v>621</v>
      </c>
      <c r="J145" s="70">
        <v>66.047945929090488</v>
      </c>
      <c r="K145" s="71">
        <v>2.0586365520330023</v>
      </c>
      <c r="L145" s="274">
        <v>0.30983382744971477</v>
      </c>
      <c r="M145" s="275">
        <v>3.7033885818540759E-2</v>
      </c>
      <c r="N145" s="274">
        <v>0.24608666576523561</v>
      </c>
      <c r="O145" s="275">
        <v>3.4534677694037251E-2</v>
      </c>
      <c r="P145" s="69">
        <v>621</v>
      </c>
      <c r="Q145" s="70">
        <v>66.214902323432625</v>
      </c>
      <c r="R145" s="71">
        <v>2.0420927423641468</v>
      </c>
      <c r="S145" s="274">
        <v>0.29884993125421944</v>
      </c>
      <c r="T145" s="275">
        <v>3.6665397121856909E-2</v>
      </c>
      <c r="U145" s="274">
        <v>0.25809809242746806</v>
      </c>
      <c r="V145" s="275">
        <v>3.507524089921342E-2</v>
      </c>
    </row>
    <row r="146" spans="1:45" s="5" customFormat="1"/>
    <row r="148" spans="1:45" customFormat="1" ht="18.75">
      <c r="A148" s="343" t="s">
        <v>248</v>
      </c>
      <c r="B148" s="343"/>
      <c r="C148" s="343"/>
      <c r="D148" s="343"/>
      <c r="E148" s="343"/>
      <c r="F148" s="343"/>
      <c r="G148" s="343"/>
      <c r="H148" s="343"/>
      <c r="I148" s="343"/>
      <c r="J148" s="343"/>
      <c r="K148" s="343"/>
      <c r="L148" s="224"/>
      <c r="M148" s="224"/>
      <c r="N148" s="224"/>
      <c r="O148" s="224"/>
      <c r="P148" s="242"/>
      <c r="Q148" s="242"/>
      <c r="R148" s="242"/>
      <c r="S148" s="242"/>
    </row>
    <row r="149" spans="1:45" customFormat="1" ht="69.75" customHeight="1">
      <c r="A149" s="346" t="s">
        <v>583</v>
      </c>
      <c r="B149" s="346"/>
      <c r="C149" s="346"/>
      <c r="D149" s="346"/>
      <c r="E149" s="346"/>
      <c r="F149" s="346"/>
      <c r="G149" s="346"/>
      <c r="H149" s="346"/>
      <c r="I149" s="346"/>
      <c r="J149" s="346"/>
      <c r="K149" s="346"/>
      <c r="L149" s="249"/>
      <c r="M149" s="249"/>
      <c r="N149" s="249"/>
      <c r="O149" s="249"/>
      <c r="P149" s="242"/>
      <c r="Q149" s="242"/>
      <c r="R149" s="242"/>
      <c r="S149" s="242"/>
    </row>
    <row r="150" spans="1:45" customFormat="1" ht="49.5" customHeight="1">
      <c r="A150" s="349" t="s">
        <v>249</v>
      </c>
      <c r="B150" s="350"/>
      <c r="C150" s="350"/>
      <c r="D150" s="351"/>
      <c r="E150" s="349" t="s">
        <v>325</v>
      </c>
      <c r="F150" s="350"/>
      <c r="G150" s="350"/>
      <c r="H150" s="350"/>
      <c r="I150" s="350"/>
      <c r="J150" s="350"/>
      <c r="K150" s="351"/>
      <c r="L150" s="289"/>
      <c r="M150" s="289"/>
      <c r="N150" s="289"/>
      <c r="O150" s="289"/>
      <c r="P150" s="289"/>
      <c r="Q150" s="289"/>
      <c r="R150" s="289"/>
      <c r="S150" s="289"/>
      <c r="T150" s="289"/>
      <c r="U150" s="289"/>
      <c r="V150" s="289"/>
      <c r="W150" s="289"/>
      <c r="X150" s="289"/>
      <c r="Y150" s="289"/>
      <c r="Z150" s="289"/>
      <c r="AA150" s="289"/>
      <c r="AB150" s="289"/>
      <c r="AC150" s="289"/>
      <c r="AD150" s="289"/>
      <c r="AE150" s="289"/>
      <c r="AF150" s="289"/>
      <c r="AG150" s="289"/>
      <c r="AH150" s="289"/>
      <c r="AI150" s="289"/>
      <c r="AJ150" s="289"/>
      <c r="AK150" s="289"/>
      <c r="AL150" s="289"/>
      <c r="AM150" s="289"/>
      <c r="AN150" s="289"/>
      <c r="AO150" s="289"/>
      <c r="AP150" s="289"/>
      <c r="AQ150" s="289"/>
      <c r="AR150" s="289"/>
      <c r="AS150" s="289"/>
    </row>
    <row r="151" spans="1:45" customFormat="1" ht="72">
      <c r="A151" s="32" t="s">
        <v>71</v>
      </c>
      <c r="B151" s="33" t="s">
        <v>72</v>
      </c>
      <c r="C151" s="34" t="s">
        <v>591</v>
      </c>
      <c r="D151" s="35" t="s">
        <v>73</v>
      </c>
      <c r="E151" s="60" t="s">
        <v>72</v>
      </c>
      <c r="F151" s="60" t="s">
        <v>280</v>
      </c>
      <c r="G151" s="83" t="s">
        <v>283</v>
      </c>
      <c r="H151" s="60" t="s">
        <v>281</v>
      </c>
      <c r="I151" s="83" t="s">
        <v>284</v>
      </c>
      <c r="J151" s="60" t="s">
        <v>282</v>
      </c>
      <c r="K151" s="83" t="s">
        <v>285</v>
      </c>
    </row>
    <row r="152" spans="1:45" customFormat="1" ht="60">
      <c r="A152" s="36"/>
      <c r="B152" s="37" t="s">
        <v>74</v>
      </c>
      <c r="C152" s="38" t="s">
        <v>358</v>
      </c>
      <c r="D152" s="39" t="s">
        <v>76</v>
      </c>
      <c r="E152" s="63" t="s">
        <v>74</v>
      </c>
      <c r="F152" s="63" t="s">
        <v>458</v>
      </c>
      <c r="G152" s="85" t="s">
        <v>88</v>
      </c>
      <c r="H152" s="63" t="s">
        <v>459</v>
      </c>
      <c r="I152" s="85" t="s">
        <v>88</v>
      </c>
      <c r="J152" s="63" t="s">
        <v>460</v>
      </c>
      <c r="K152" s="85" t="s">
        <v>88</v>
      </c>
    </row>
    <row r="153" spans="1:45" customFormat="1">
      <c r="A153" s="40" t="s">
        <v>350</v>
      </c>
      <c r="B153" s="146">
        <v>6468</v>
      </c>
      <c r="C153" s="79">
        <v>6.800068182731672</v>
      </c>
      <c r="D153" s="80">
        <v>5.681447164843071E-2</v>
      </c>
      <c r="E153" s="78">
        <v>6468</v>
      </c>
      <c r="F153" s="93">
        <v>0.36827973299306516</v>
      </c>
      <c r="G153" s="89">
        <v>1.1991736213723708E-2</v>
      </c>
      <c r="H153" s="93">
        <v>0.27035640952930895</v>
      </c>
      <c r="I153" s="89">
        <v>1.1043486020605384E-2</v>
      </c>
      <c r="J153" s="93">
        <v>0.36136385747762279</v>
      </c>
      <c r="K153" s="89">
        <v>1.1943515867995757E-2</v>
      </c>
    </row>
    <row r="154" spans="1:45" customFormat="1">
      <c r="A154" s="44" t="s">
        <v>351</v>
      </c>
      <c r="B154" s="44">
        <v>5924</v>
      </c>
      <c r="C154" s="148">
        <v>6.7993681235548804</v>
      </c>
      <c r="D154" s="149">
        <v>5.9403315274579149E-2</v>
      </c>
      <c r="E154" s="120">
        <v>5924</v>
      </c>
      <c r="F154" s="144">
        <v>0.36765683379411906</v>
      </c>
      <c r="G154" s="92">
        <v>1.252551821664807E-2</v>
      </c>
      <c r="H154" s="145">
        <v>0.27224640288971447</v>
      </c>
      <c r="I154" s="92">
        <v>1.1564472727911175E-2</v>
      </c>
      <c r="J154" s="145">
        <v>0.36009676331617407</v>
      </c>
      <c r="K154" s="92">
        <v>1.2470031271905732E-2</v>
      </c>
    </row>
    <row r="155" spans="1:45" customFormat="1">
      <c r="A155" s="40" t="s">
        <v>352</v>
      </c>
      <c r="B155" s="48">
        <v>544</v>
      </c>
      <c r="C155" s="79">
        <v>6.8023257744976577</v>
      </c>
      <c r="D155" s="80">
        <v>0.19457927431811514</v>
      </c>
      <c r="E155" s="78">
        <v>544</v>
      </c>
      <c r="F155" s="93">
        <v>0.37028849475106418</v>
      </c>
      <c r="G155" s="89">
        <v>4.1277028349586686E-2</v>
      </c>
      <c r="H155" s="93">
        <v>0.26426144843183563</v>
      </c>
      <c r="I155" s="89">
        <v>3.7750202223659338E-2</v>
      </c>
      <c r="J155" s="93">
        <v>0.3654500568170983</v>
      </c>
      <c r="K155" s="89">
        <v>4.1165469517478494E-2</v>
      </c>
    </row>
    <row r="156" spans="1:45" customFormat="1">
      <c r="A156" s="44" t="s">
        <v>555</v>
      </c>
      <c r="B156" s="44">
        <v>2052</v>
      </c>
      <c r="C156" s="148">
        <v>6.758914678933734</v>
      </c>
      <c r="D156" s="149">
        <v>0.10053822245928469</v>
      </c>
      <c r="E156" s="120">
        <v>2052</v>
      </c>
      <c r="F156" s="144">
        <v>0.3674527544719956</v>
      </c>
      <c r="G156" s="92">
        <v>2.1268138158998619E-2</v>
      </c>
      <c r="H156" s="145">
        <v>0.26601994882464008</v>
      </c>
      <c r="I156" s="92">
        <v>1.9500880478593358E-2</v>
      </c>
      <c r="J156" s="145">
        <v>0.36652729670336315</v>
      </c>
      <c r="K156" s="92">
        <v>2.1256918716396629E-2</v>
      </c>
    </row>
    <row r="157" spans="1:45" customFormat="1">
      <c r="A157" s="40" t="s">
        <v>556</v>
      </c>
      <c r="B157" s="48">
        <v>1949</v>
      </c>
      <c r="C157" s="79">
        <v>6.7965192366208687</v>
      </c>
      <c r="D157" s="80">
        <v>0.10298417745789823</v>
      </c>
      <c r="E157" s="78">
        <v>1949</v>
      </c>
      <c r="F157" s="93">
        <v>0.36249566967632546</v>
      </c>
      <c r="G157" s="89">
        <v>2.1759281187445374E-2</v>
      </c>
      <c r="H157" s="93">
        <v>0.27850804968779747</v>
      </c>
      <c r="I157" s="89">
        <v>2.0296928826407736E-2</v>
      </c>
      <c r="J157" s="93">
        <v>0.35899628063587913</v>
      </c>
      <c r="K157" s="89">
        <v>2.1713552475395689E-2</v>
      </c>
    </row>
    <row r="158" spans="1:45" customFormat="1">
      <c r="A158" s="44" t="s">
        <v>536</v>
      </c>
      <c r="B158" s="44">
        <v>227</v>
      </c>
      <c r="C158" s="148">
        <v>6.8318262224704229</v>
      </c>
      <c r="D158" s="149">
        <v>0.28525266527942217</v>
      </c>
      <c r="E158" s="120">
        <v>227</v>
      </c>
      <c r="F158" s="144">
        <v>0.32972433018015224</v>
      </c>
      <c r="G158" s="92">
        <v>6.2001482603567151E-2</v>
      </c>
      <c r="H158" s="145">
        <v>0.34943276807628931</v>
      </c>
      <c r="I158" s="92">
        <v>6.2848382979406564E-2</v>
      </c>
      <c r="J158" s="145">
        <v>0.32084290174355856</v>
      </c>
      <c r="K158" s="92">
        <v>6.1581565743959156E-2</v>
      </c>
    </row>
    <row r="159" spans="1:45" customFormat="1">
      <c r="A159" s="40" t="s">
        <v>537</v>
      </c>
      <c r="B159" s="48">
        <v>117</v>
      </c>
      <c r="C159" s="79">
        <v>6.9763932351346307</v>
      </c>
      <c r="D159" s="80">
        <v>0.37915968695236257</v>
      </c>
      <c r="E159" s="78">
        <v>117</v>
      </c>
      <c r="F159" s="93">
        <v>0.2895640800767017</v>
      </c>
      <c r="G159" s="89">
        <v>8.3040595432328626E-2</v>
      </c>
      <c r="H159" s="93">
        <v>0.35669323939076081</v>
      </c>
      <c r="I159" s="89">
        <v>8.7348174975080642E-2</v>
      </c>
      <c r="J159" s="93">
        <v>0.3537426805325371</v>
      </c>
      <c r="K159" s="89">
        <v>8.7196882607978296E-2</v>
      </c>
    </row>
    <row r="160" spans="1:45" customFormat="1">
      <c r="A160" s="44" t="s">
        <v>538</v>
      </c>
      <c r="B160" s="44">
        <v>60</v>
      </c>
      <c r="C160" s="148">
        <v>6.4374416764119511</v>
      </c>
      <c r="D160" s="149">
        <v>0.58762521186659411</v>
      </c>
      <c r="E160" s="120">
        <v>60</v>
      </c>
      <c r="F160" s="144">
        <v>0.43127133481249424</v>
      </c>
      <c r="G160" s="92">
        <v>0.12395774798833546</v>
      </c>
      <c r="H160" s="145">
        <v>0.29283170133545211</v>
      </c>
      <c r="I160" s="92">
        <v>0.11518422277961216</v>
      </c>
      <c r="J160" s="145">
        <v>0.27589696385205326</v>
      </c>
      <c r="K160" s="92">
        <v>0.11342933377930828</v>
      </c>
    </row>
    <row r="161" spans="1:11" customFormat="1">
      <c r="A161" s="40" t="s">
        <v>539</v>
      </c>
      <c r="B161" s="48">
        <v>151</v>
      </c>
      <c r="C161" s="79">
        <v>7.2249550580843094</v>
      </c>
      <c r="D161" s="80">
        <v>0.34370346071193397</v>
      </c>
      <c r="E161" s="78">
        <v>151</v>
      </c>
      <c r="F161" s="93">
        <v>0.25715273621427887</v>
      </c>
      <c r="G161" s="89">
        <v>7.0761715759209795E-2</v>
      </c>
      <c r="H161" s="93">
        <v>0.35623915913005083</v>
      </c>
      <c r="I161" s="89">
        <v>7.7106670976823097E-2</v>
      </c>
      <c r="J161" s="93">
        <v>0.38660810465567075</v>
      </c>
      <c r="K161" s="89">
        <v>7.8337127444999988E-2</v>
      </c>
    </row>
    <row r="162" spans="1:11" customFormat="1">
      <c r="A162" s="44" t="s">
        <v>540</v>
      </c>
      <c r="B162" s="44">
        <v>49</v>
      </c>
      <c r="C162" s="148">
        <v>6.4783308078817319</v>
      </c>
      <c r="D162" s="149">
        <v>0.66464136806863605</v>
      </c>
      <c r="E162" s="120">
        <v>49</v>
      </c>
      <c r="F162" s="144">
        <v>0.35576998036153989</v>
      </c>
      <c r="G162" s="92">
        <v>0.13238570908769168</v>
      </c>
      <c r="H162" s="145">
        <v>0.4043488643259564</v>
      </c>
      <c r="I162" s="92">
        <v>0.135195106861312</v>
      </c>
      <c r="J162" s="145">
        <v>0.23988115531250354</v>
      </c>
      <c r="K162" s="92">
        <v>0.12042875930411953</v>
      </c>
    </row>
    <row r="163" spans="1:11" customFormat="1">
      <c r="A163" s="40" t="s">
        <v>541</v>
      </c>
      <c r="B163" s="146">
        <v>60</v>
      </c>
      <c r="C163" s="79">
        <v>7.5306021804443919</v>
      </c>
      <c r="D163" s="80">
        <v>0.53126012829605185</v>
      </c>
      <c r="E163" s="78">
        <v>60</v>
      </c>
      <c r="F163" s="93">
        <v>0.22141476648019298</v>
      </c>
      <c r="G163" s="89">
        <v>0.10659160414570962</v>
      </c>
      <c r="H163" s="93">
        <v>0.37452978197709863</v>
      </c>
      <c r="I163" s="89">
        <v>0.12149166023934409</v>
      </c>
      <c r="J163" s="93">
        <v>0.40405545154270844</v>
      </c>
      <c r="K163" s="89">
        <v>0.12296070376986971</v>
      </c>
    </row>
    <row r="164" spans="1:11" customFormat="1">
      <c r="A164" s="44" t="s">
        <v>542</v>
      </c>
      <c r="B164" s="147">
        <v>42</v>
      </c>
      <c r="C164" s="148">
        <v>7.6200084787624194</v>
      </c>
      <c r="D164" s="149">
        <v>0.59188937498422056</v>
      </c>
      <c r="E164" s="120">
        <v>42</v>
      </c>
      <c r="F164" s="144">
        <v>0.19850969835868948</v>
      </c>
      <c r="G164" s="92">
        <v>0.12308511036961421</v>
      </c>
      <c r="H164" s="145">
        <v>0.27779823604501003</v>
      </c>
      <c r="I164" s="92">
        <v>0.13475896606958129</v>
      </c>
      <c r="J164" s="145">
        <v>0.52369206559630066</v>
      </c>
      <c r="K164" s="92">
        <v>0.14730390399176727</v>
      </c>
    </row>
    <row r="165" spans="1:11" customFormat="1">
      <c r="A165" s="40" t="s">
        <v>543</v>
      </c>
      <c r="B165" s="78">
        <v>336</v>
      </c>
      <c r="C165" s="79">
        <v>6.8562559433238643</v>
      </c>
      <c r="D165" s="80">
        <v>0.24105347653452885</v>
      </c>
      <c r="E165" s="78">
        <v>336</v>
      </c>
      <c r="F165" s="93">
        <v>0.36653025522928906</v>
      </c>
      <c r="G165" s="89">
        <v>5.2311568691011515E-2</v>
      </c>
      <c r="H165" s="93">
        <v>0.25974015212812274</v>
      </c>
      <c r="I165" s="89">
        <v>4.7727837033163488E-2</v>
      </c>
      <c r="J165" s="93">
        <v>0.37372959264258782</v>
      </c>
      <c r="K165" s="89">
        <v>5.2516522378495654E-2</v>
      </c>
    </row>
    <row r="166" spans="1:11" customFormat="1">
      <c r="A166" s="44" t="s">
        <v>616</v>
      </c>
      <c r="B166" s="147">
        <v>148</v>
      </c>
      <c r="C166" s="148">
        <v>6.8103273575036445</v>
      </c>
      <c r="D166" s="149">
        <v>0.35371633022705684</v>
      </c>
      <c r="E166" s="120">
        <v>148</v>
      </c>
      <c r="F166" s="144">
        <v>0.37871298850653295</v>
      </c>
      <c r="G166" s="92">
        <v>7.8815826688752783E-2</v>
      </c>
      <c r="H166" s="145">
        <v>0.23224847438867444</v>
      </c>
      <c r="I166" s="92">
        <v>6.9212236005948391E-2</v>
      </c>
      <c r="J166" s="145">
        <v>0.38903853710479241</v>
      </c>
      <c r="K166" s="92">
        <v>7.9194472596537016E-2</v>
      </c>
    </row>
    <row r="167" spans="1:11" customFormat="1">
      <c r="A167" s="52" t="s">
        <v>544</v>
      </c>
      <c r="B167" s="146">
        <v>188</v>
      </c>
      <c r="C167" s="79">
        <v>6.8888198828701332</v>
      </c>
      <c r="D167" s="80">
        <v>0.32950015136689009</v>
      </c>
      <c r="E167" s="78">
        <v>188</v>
      </c>
      <c r="F167" s="93">
        <v>0.3578925455575534</v>
      </c>
      <c r="G167" s="89">
        <v>6.9317828559457076E-2</v>
      </c>
      <c r="H167" s="93">
        <v>0.2792320941495271</v>
      </c>
      <c r="I167" s="89">
        <v>6.5075460589978276E-2</v>
      </c>
      <c r="J167" s="93">
        <v>0.36287536029291856</v>
      </c>
      <c r="K167" s="89">
        <v>6.9518003868968656E-2</v>
      </c>
    </row>
    <row r="168" spans="1:11" customFormat="1">
      <c r="A168" s="44" t="s">
        <v>545</v>
      </c>
      <c r="B168" s="147">
        <v>63</v>
      </c>
      <c r="C168" s="148">
        <v>6.7860166842484126</v>
      </c>
      <c r="D168" s="149">
        <v>0.69039698237611002</v>
      </c>
      <c r="E168" s="120">
        <v>63</v>
      </c>
      <c r="F168" s="144">
        <v>0.38633705421970382</v>
      </c>
      <c r="G168" s="92">
        <v>0.11934580031007243</v>
      </c>
      <c r="H168" s="145">
        <v>0.13335346747654064</v>
      </c>
      <c r="I168" s="92">
        <v>8.8483907570136897E-2</v>
      </c>
      <c r="J168" s="145">
        <v>0.48030947830375553</v>
      </c>
      <c r="K168" s="92">
        <v>0.12208565526355518</v>
      </c>
    </row>
    <row r="169" spans="1:11" customFormat="1">
      <c r="A169" s="52" t="s">
        <v>546</v>
      </c>
      <c r="B169" s="146">
        <v>174</v>
      </c>
      <c r="C169" s="79">
        <v>6.7411144202306019</v>
      </c>
      <c r="D169" s="80">
        <v>0.38368890931369803</v>
      </c>
      <c r="E169" s="78">
        <v>174</v>
      </c>
      <c r="F169" s="93">
        <v>0.3401877002129064</v>
      </c>
      <c r="G169" s="89">
        <v>7.120077568103908E-2</v>
      </c>
      <c r="H169" s="93">
        <v>0.3000399171156945</v>
      </c>
      <c r="I169" s="89">
        <v>6.8988324873665491E-2</v>
      </c>
      <c r="J169" s="93">
        <v>0.35977238267140094</v>
      </c>
      <c r="K169" s="89">
        <v>7.2081422592323197E-2</v>
      </c>
    </row>
    <row r="170" spans="1:11" customFormat="1">
      <c r="A170" s="44" t="s">
        <v>557</v>
      </c>
      <c r="B170" s="147">
        <v>68</v>
      </c>
      <c r="C170" s="148">
        <v>6.8770157051002974</v>
      </c>
      <c r="D170" s="149">
        <v>0.61364227382261383</v>
      </c>
      <c r="E170" s="120">
        <v>68</v>
      </c>
      <c r="F170" s="144">
        <v>0.27802150501467571</v>
      </c>
      <c r="G170" s="92">
        <v>0.10699127826828653</v>
      </c>
      <c r="H170" s="145">
        <v>0.32518803465303875</v>
      </c>
      <c r="I170" s="92">
        <v>0.11124096153768803</v>
      </c>
      <c r="J170" s="145">
        <v>0.39679046033228554</v>
      </c>
      <c r="K170" s="92">
        <v>0.11558991029582799</v>
      </c>
    </row>
    <row r="171" spans="1:11" customFormat="1">
      <c r="A171" s="52" t="s">
        <v>558</v>
      </c>
      <c r="B171" s="146">
        <v>64</v>
      </c>
      <c r="C171" s="79">
        <v>6.6189013062512121</v>
      </c>
      <c r="D171" s="80">
        <v>0.61514628956186379</v>
      </c>
      <c r="E171" s="78">
        <v>64</v>
      </c>
      <c r="F171" s="93">
        <v>0.37387533665184575</v>
      </c>
      <c r="G171" s="89">
        <v>0.11780067629845341</v>
      </c>
      <c r="H171" s="93">
        <v>0.33067876508530392</v>
      </c>
      <c r="I171" s="89">
        <v>0.11494346947115006</v>
      </c>
      <c r="J171" s="93">
        <v>0.29544589826285023</v>
      </c>
      <c r="K171" s="89">
        <v>0.11191789772845288</v>
      </c>
    </row>
    <row r="172" spans="1:11" customFormat="1">
      <c r="A172" s="44" t="s">
        <v>549</v>
      </c>
      <c r="B172" s="147">
        <v>42</v>
      </c>
      <c r="C172" s="148">
        <v>6.6964220977189539</v>
      </c>
      <c r="D172" s="149">
        <v>0.82924104494973516</v>
      </c>
      <c r="E172" s="120">
        <v>42</v>
      </c>
      <c r="F172" s="144">
        <v>0.39847956983305766</v>
      </c>
      <c r="G172" s="92">
        <v>0.14488618864274888</v>
      </c>
      <c r="H172" s="145">
        <v>0.20104875151414692</v>
      </c>
      <c r="I172" s="92">
        <v>0.12353323851543381</v>
      </c>
      <c r="J172" s="145">
        <v>0.4004716786527952</v>
      </c>
      <c r="K172" s="92">
        <v>0.14498634821117329</v>
      </c>
    </row>
    <row r="173" spans="1:11" customFormat="1">
      <c r="A173" s="52" t="s">
        <v>550</v>
      </c>
      <c r="B173" s="146">
        <v>112</v>
      </c>
      <c r="C173" s="79">
        <v>6.3392182087213333</v>
      </c>
      <c r="D173" s="80">
        <v>0.43836617209627188</v>
      </c>
      <c r="E173" s="78">
        <v>112</v>
      </c>
      <c r="F173" s="93">
        <v>0.46106847673754425</v>
      </c>
      <c r="G173" s="89">
        <v>9.2584921465075423E-2</v>
      </c>
      <c r="H173" s="93">
        <v>0.26415224776920604</v>
      </c>
      <c r="I173" s="89">
        <v>8.2659635812102339E-2</v>
      </c>
      <c r="J173" s="93">
        <v>0.27477927549324899</v>
      </c>
      <c r="K173" s="89">
        <v>8.3606950634221952E-2</v>
      </c>
    </row>
    <row r="174" spans="1:11" customFormat="1">
      <c r="A174" s="44" t="s">
        <v>551</v>
      </c>
      <c r="B174" s="147">
        <v>117</v>
      </c>
      <c r="C174" s="148">
        <v>6.6713682574812507</v>
      </c>
      <c r="D174" s="149">
        <v>0.42300233560787637</v>
      </c>
      <c r="E174" s="120">
        <v>117</v>
      </c>
      <c r="F174" s="144">
        <v>0.37571085358857353</v>
      </c>
      <c r="G174" s="92">
        <v>8.8243964608829994E-2</v>
      </c>
      <c r="H174" s="145">
        <v>0.25112739000554307</v>
      </c>
      <c r="I174" s="92">
        <v>7.9687360928524839E-2</v>
      </c>
      <c r="J174" s="145">
        <v>0.37316175640588384</v>
      </c>
      <c r="K174" s="92">
        <v>8.8131784150668552E-2</v>
      </c>
    </row>
    <row r="175" spans="1:11" s="238" customFormat="1">
      <c r="A175" s="231"/>
      <c r="B175" s="232"/>
      <c r="C175" s="233"/>
      <c r="D175" s="234"/>
      <c r="E175" s="235"/>
      <c r="F175" s="236"/>
      <c r="G175" s="237"/>
      <c r="H175" s="236"/>
      <c r="I175" s="237"/>
    </row>
    <row r="176" spans="1:11" s="238" customFormat="1">
      <c r="A176" s="231"/>
      <c r="B176" s="232"/>
      <c r="C176" s="233"/>
      <c r="D176" s="234"/>
      <c r="E176" s="235"/>
      <c r="F176" s="236"/>
      <c r="G176" s="237"/>
      <c r="H176" s="236"/>
      <c r="I176" s="237"/>
    </row>
    <row r="177" spans="1:22" customFormat="1" ht="18.75">
      <c r="A177" s="342" t="s">
        <v>250</v>
      </c>
      <c r="B177" s="342"/>
      <c r="C177" s="342"/>
      <c r="D177" s="342"/>
      <c r="E177" s="342"/>
      <c r="F177" s="342"/>
      <c r="G177" s="342"/>
      <c r="H177" s="342"/>
      <c r="I177" s="342"/>
      <c r="J177" s="342"/>
      <c r="K177" s="342"/>
      <c r="L177" s="342"/>
      <c r="M177" s="342"/>
      <c r="N177" s="342"/>
      <c r="O177" s="342"/>
      <c r="P177" s="342"/>
      <c r="Q177" s="342"/>
      <c r="R177" s="342"/>
      <c r="S177" s="342"/>
      <c r="T177" s="342"/>
      <c r="U177" s="342"/>
      <c r="V177" s="342"/>
    </row>
    <row r="178" spans="1:22" customFormat="1" ht="80.25" customHeight="1">
      <c r="A178" s="347" t="s">
        <v>584</v>
      </c>
      <c r="B178" s="347"/>
      <c r="C178" s="347"/>
      <c r="D178" s="347"/>
      <c r="E178" s="347"/>
      <c r="F178" s="347"/>
      <c r="G178" s="347"/>
      <c r="H178" s="347"/>
      <c r="I178" s="347"/>
      <c r="J178" s="347"/>
      <c r="K178" s="347"/>
      <c r="L178" s="347"/>
      <c r="M178" s="347"/>
      <c r="N178" s="347"/>
      <c r="O178" s="347"/>
      <c r="P178" s="347"/>
      <c r="Q178" s="347"/>
      <c r="R178" s="347"/>
      <c r="S178" s="347"/>
      <c r="T178" s="347"/>
      <c r="U178" s="347"/>
      <c r="V178" s="347"/>
    </row>
    <row r="179" spans="1:22" customFormat="1" ht="15.75">
      <c r="A179" s="294"/>
      <c r="B179" s="348" t="s">
        <v>286</v>
      </c>
      <c r="C179" s="348"/>
      <c r="D179" s="348"/>
      <c r="E179" s="348"/>
      <c r="F179" s="348"/>
      <c r="G179" s="348"/>
      <c r="H179" s="348"/>
      <c r="I179" s="348" t="s">
        <v>287</v>
      </c>
      <c r="J179" s="348"/>
      <c r="K179" s="348"/>
      <c r="L179" s="348"/>
      <c r="M179" s="348"/>
      <c r="N179" s="348"/>
      <c r="O179" s="348"/>
      <c r="P179" s="348" t="s">
        <v>288</v>
      </c>
      <c r="Q179" s="348"/>
      <c r="R179" s="348"/>
      <c r="S179" s="348"/>
      <c r="T179" s="348"/>
      <c r="U179" s="348"/>
      <c r="V179" s="348"/>
    </row>
    <row r="180" spans="1:22" customFormat="1" ht="72">
      <c r="A180" s="32" t="s">
        <v>71</v>
      </c>
      <c r="B180" s="33" t="s">
        <v>72</v>
      </c>
      <c r="C180" s="33" t="s">
        <v>251</v>
      </c>
      <c r="D180" s="84" t="s">
        <v>254</v>
      </c>
      <c r="E180" s="33" t="s">
        <v>253</v>
      </c>
      <c r="F180" s="84" t="s">
        <v>255</v>
      </c>
      <c r="G180" s="33" t="s">
        <v>252</v>
      </c>
      <c r="H180" s="84" t="s">
        <v>256</v>
      </c>
      <c r="I180" s="60" t="s">
        <v>72</v>
      </c>
      <c r="J180" s="60" t="s">
        <v>257</v>
      </c>
      <c r="K180" s="83" t="s">
        <v>258</v>
      </c>
      <c r="L180" s="60" t="s">
        <v>259</v>
      </c>
      <c r="M180" s="83" t="s">
        <v>260</v>
      </c>
      <c r="N180" s="60" t="s">
        <v>261</v>
      </c>
      <c r="O180" s="83" t="s">
        <v>262</v>
      </c>
      <c r="P180" s="33" t="s">
        <v>72</v>
      </c>
      <c r="Q180" s="33" t="s">
        <v>263</v>
      </c>
      <c r="R180" s="84" t="s">
        <v>264</v>
      </c>
      <c r="S180" s="33" t="s">
        <v>265</v>
      </c>
      <c r="T180" s="84" t="s">
        <v>266</v>
      </c>
      <c r="U180" s="33" t="s">
        <v>267</v>
      </c>
      <c r="V180" s="84" t="s">
        <v>268</v>
      </c>
    </row>
    <row r="181" spans="1:22" customFormat="1" ht="60">
      <c r="A181" s="36"/>
      <c r="B181" s="37" t="s">
        <v>74</v>
      </c>
      <c r="C181" s="37" t="s">
        <v>458</v>
      </c>
      <c r="D181" s="86" t="s">
        <v>88</v>
      </c>
      <c r="E181" s="37" t="s">
        <v>459</v>
      </c>
      <c r="F181" s="86" t="s">
        <v>88</v>
      </c>
      <c r="G181" s="37" t="s">
        <v>460</v>
      </c>
      <c r="H181" s="86" t="s">
        <v>88</v>
      </c>
      <c r="I181" s="63" t="s">
        <v>74</v>
      </c>
      <c r="J181" s="63" t="s">
        <v>458</v>
      </c>
      <c r="K181" s="85" t="s">
        <v>88</v>
      </c>
      <c r="L181" s="63" t="s">
        <v>459</v>
      </c>
      <c r="M181" s="85" t="s">
        <v>88</v>
      </c>
      <c r="N181" s="63" t="s">
        <v>460</v>
      </c>
      <c r="O181" s="85" t="s">
        <v>88</v>
      </c>
      <c r="P181" s="37" t="s">
        <v>74</v>
      </c>
      <c r="Q181" s="37" t="s">
        <v>458</v>
      </c>
      <c r="R181" s="86" t="s">
        <v>88</v>
      </c>
      <c r="S181" s="37" t="s">
        <v>459</v>
      </c>
      <c r="T181" s="86" t="s">
        <v>88</v>
      </c>
      <c r="U181" s="37" t="s">
        <v>460</v>
      </c>
      <c r="V181" s="86" t="s">
        <v>88</v>
      </c>
    </row>
    <row r="182" spans="1:22" customFormat="1">
      <c r="A182" s="40" t="s">
        <v>350</v>
      </c>
      <c r="B182" s="78">
        <v>6503</v>
      </c>
      <c r="C182" s="93">
        <v>0.3578131136007402</v>
      </c>
      <c r="D182" s="89">
        <v>1.1885622044660829E-2</v>
      </c>
      <c r="E182" s="93">
        <v>0.36015068119094584</v>
      </c>
      <c r="F182" s="89">
        <v>1.1902637808332206E-2</v>
      </c>
      <c r="G182" s="93">
        <v>0.28203620520831146</v>
      </c>
      <c r="H182" s="89">
        <v>1.1158502205965213E-2</v>
      </c>
      <c r="I182" s="78">
        <v>6432</v>
      </c>
      <c r="J182" s="93">
        <v>0.7641493206723452</v>
      </c>
      <c r="K182" s="89">
        <v>1.0586053895400674E-2</v>
      </c>
      <c r="L182" s="93">
        <v>0.16459306922831163</v>
      </c>
      <c r="M182" s="89">
        <v>9.2490566270787677E-3</v>
      </c>
      <c r="N182" s="93">
        <v>7.1257610099335469E-2</v>
      </c>
      <c r="O182" s="89">
        <v>6.4244126283592648E-3</v>
      </c>
      <c r="P182" s="78">
        <v>6443</v>
      </c>
      <c r="Q182" s="93">
        <v>0.86899939414504301</v>
      </c>
      <c r="R182" s="89">
        <v>8.4104551550967434E-3</v>
      </c>
      <c r="S182" s="93">
        <v>8.4255579390456817E-2</v>
      </c>
      <c r="T182" s="89">
        <v>6.9285161849068598E-3</v>
      </c>
      <c r="U182" s="93">
        <v>4.6745026464494438E-2</v>
      </c>
      <c r="V182" s="89">
        <v>5.2730487261278686E-3</v>
      </c>
    </row>
    <row r="183" spans="1:22" customFormat="1">
      <c r="A183" s="44" t="s">
        <v>351</v>
      </c>
      <c r="B183" s="152">
        <v>5959</v>
      </c>
      <c r="C183" s="156">
        <v>0.36301915716143268</v>
      </c>
      <c r="D183" s="92">
        <v>1.245515622281324E-2</v>
      </c>
      <c r="E183" s="156">
        <v>0.35211328834267452</v>
      </c>
      <c r="F183" s="92">
        <v>1.2371326041896037E-2</v>
      </c>
      <c r="G183" s="156">
        <v>0.2848675544958999</v>
      </c>
      <c r="H183" s="92">
        <v>1.1691721960768727E-2</v>
      </c>
      <c r="I183" s="152">
        <v>5891</v>
      </c>
      <c r="J183" s="156">
        <v>0.75784562269809086</v>
      </c>
      <c r="K183" s="92">
        <v>1.1161725130409915E-2</v>
      </c>
      <c r="L183" s="156">
        <v>0.16861212839374917</v>
      </c>
      <c r="M183" s="92">
        <v>9.7580939178185232E-3</v>
      </c>
      <c r="N183" s="156">
        <v>7.3542248908162397E-2</v>
      </c>
      <c r="O183" s="92">
        <v>6.8116803447185598E-3</v>
      </c>
      <c r="P183" s="152">
        <v>5900</v>
      </c>
      <c r="Q183" s="156">
        <v>0.86603586133162525</v>
      </c>
      <c r="R183" s="92">
        <v>8.87275428612261E-3</v>
      </c>
      <c r="S183" s="156">
        <v>8.4560147297164101E-2</v>
      </c>
      <c r="T183" s="92">
        <v>7.252861864868951E-3</v>
      </c>
      <c r="U183" s="156">
        <v>4.9403991371211937E-2</v>
      </c>
      <c r="V183" s="92">
        <v>5.6572291914456481E-3</v>
      </c>
    </row>
    <row r="184" spans="1:22" customFormat="1">
      <c r="A184" s="40" t="s">
        <v>352</v>
      </c>
      <c r="B184" s="78">
        <v>544</v>
      </c>
      <c r="C184" s="93">
        <v>0.34092582225704426</v>
      </c>
      <c r="D184" s="89">
        <v>4.0531457360053626E-2</v>
      </c>
      <c r="E184" s="93">
        <v>0.38622226378342661</v>
      </c>
      <c r="F184" s="89">
        <v>4.1613701471487928E-2</v>
      </c>
      <c r="G184" s="93">
        <v>0.27285191395952757</v>
      </c>
      <c r="H184" s="89">
        <v>3.8127162182492569E-2</v>
      </c>
      <c r="I184" s="78">
        <v>541</v>
      </c>
      <c r="J184" s="93">
        <v>0.78443943074302636</v>
      </c>
      <c r="K184" s="89">
        <v>3.5351701874865166E-2</v>
      </c>
      <c r="L184" s="93">
        <v>0.15165667012096176</v>
      </c>
      <c r="M184" s="89">
        <v>3.0940199300461931E-2</v>
      </c>
      <c r="N184" s="93">
        <v>6.3903899136010911E-2</v>
      </c>
      <c r="O184" s="89">
        <v>2.1435044019019314E-2</v>
      </c>
      <c r="P184" s="78">
        <v>543</v>
      </c>
      <c r="Q184" s="93">
        <v>0.87850619510786099</v>
      </c>
      <c r="R184" s="89">
        <v>2.8209287162697199E-2</v>
      </c>
      <c r="S184" s="93">
        <v>8.3278547364490668E-2</v>
      </c>
      <c r="T184" s="89">
        <v>2.4016099820241124E-2</v>
      </c>
      <c r="U184" s="93">
        <v>3.8215257527648129E-2</v>
      </c>
      <c r="V184" s="89">
        <v>1.7073281670986422E-2</v>
      </c>
    </row>
    <row r="185" spans="1:22" customFormat="1">
      <c r="A185" s="44" t="s">
        <v>555</v>
      </c>
      <c r="B185" s="152">
        <v>2064</v>
      </c>
      <c r="C185" s="156">
        <v>0.35046216026092658</v>
      </c>
      <c r="D185" s="92">
        <v>2.0987463141577987E-2</v>
      </c>
      <c r="E185" s="156">
        <v>0.36622299394142727</v>
      </c>
      <c r="F185" s="92">
        <v>2.1191440052319321E-2</v>
      </c>
      <c r="G185" s="156">
        <v>0.28331484579764504</v>
      </c>
      <c r="H185" s="92">
        <v>1.9826569250662472E-2</v>
      </c>
      <c r="I185" s="152">
        <v>2038</v>
      </c>
      <c r="J185" s="156">
        <v>0.75550294493050341</v>
      </c>
      <c r="K185" s="92">
        <v>1.9035188342986033E-2</v>
      </c>
      <c r="L185" s="156">
        <v>0.1690465165489588</v>
      </c>
      <c r="M185" s="92">
        <v>1.6613276085505408E-2</v>
      </c>
      <c r="N185" s="156">
        <v>7.5450538520536223E-2</v>
      </c>
      <c r="O185" s="92">
        <v>1.1748524251963179E-2</v>
      </c>
      <c r="P185" s="152">
        <v>2042</v>
      </c>
      <c r="Q185" s="156">
        <v>0.85996525555661862</v>
      </c>
      <c r="R185" s="92">
        <v>1.537610380174222E-2</v>
      </c>
      <c r="S185" s="156">
        <v>9.0255651777639528E-2</v>
      </c>
      <c r="T185" s="92">
        <v>1.2720423343077929E-2</v>
      </c>
      <c r="U185" s="156">
        <v>4.9779092665740959E-2</v>
      </c>
      <c r="V185" s="92">
        <v>9.6965620864400675E-3</v>
      </c>
    </row>
    <row r="186" spans="1:22" customFormat="1">
      <c r="A186" s="40" t="s">
        <v>556</v>
      </c>
      <c r="B186" s="78">
        <v>1962</v>
      </c>
      <c r="C186" s="93">
        <v>0.35432603455743783</v>
      </c>
      <c r="D186" s="89">
        <v>2.1578848746097078E-2</v>
      </c>
      <c r="E186" s="93">
        <v>0.34940224146177562</v>
      </c>
      <c r="F186" s="89">
        <v>2.1510247805848325E-2</v>
      </c>
      <c r="G186" s="93">
        <v>0.29627172398078855</v>
      </c>
      <c r="H186" s="89">
        <v>2.0604472138653396E-2</v>
      </c>
      <c r="I186" s="78">
        <v>1935</v>
      </c>
      <c r="J186" s="93">
        <v>0.75135146407502196</v>
      </c>
      <c r="K186" s="89">
        <v>1.9645272624928517E-2</v>
      </c>
      <c r="L186" s="93">
        <v>0.17319453176655711</v>
      </c>
      <c r="M186" s="89">
        <v>1.7213783556419428E-2</v>
      </c>
      <c r="N186" s="93">
        <v>7.545400415842124E-2</v>
      </c>
      <c r="O186" s="89">
        <v>1.2059981479632319E-2</v>
      </c>
      <c r="P186" s="78">
        <v>1940</v>
      </c>
      <c r="Q186" s="93">
        <v>0.85381873842394751</v>
      </c>
      <c r="R186" s="89">
        <v>1.6058467379342745E-2</v>
      </c>
      <c r="S186" s="93">
        <v>9.6355371645121035E-2</v>
      </c>
      <c r="T186" s="89">
        <v>1.343639289441812E-2</v>
      </c>
      <c r="U186" s="93">
        <v>4.9825889930931774E-2</v>
      </c>
      <c r="V186" s="89">
        <v>9.9563234379929592E-3</v>
      </c>
    </row>
    <row r="187" spans="1:22" customFormat="1">
      <c r="A187" s="44" t="s">
        <v>536</v>
      </c>
      <c r="B187" s="152">
        <v>229</v>
      </c>
      <c r="C187" s="156">
        <v>0.36479312317445378</v>
      </c>
      <c r="D187" s="92">
        <v>6.3156102413952031E-2</v>
      </c>
      <c r="E187" s="156">
        <v>0.36474155275928394</v>
      </c>
      <c r="F187" s="92">
        <v>6.315427121136305E-2</v>
      </c>
      <c r="G187" s="156">
        <v>0.27046532406626228</v>
      </c>
      <c r="H187" s="92">
        <v>5.8464951835865649E-2</v>
      </c>
      <c r="I187" s="152">
        <v>226</v>
      </c>
      <c r="J187" s="156">
        <v>0.78263573213308024</v>
      </c>
      <c r="K187" s="92">
        <v>5.4831190641547525E-2</v>
      </c>
      <c r="L187" s="156">
        <v>0.13889800239538538</v>
      </c>
      <c r="M187" s="92">
        <v>4.645734362683894E-2</v>
      </c>
      <c r="N187" s="156">
        <v>7.8466265471535068E-2</v>
      </c>
      <c r="O187" s="92">
        <v>3.6933809771831805E-2</v>
      </c>
      <c r="P187" s="152">
        <v>227</v>
      </c>
      <c r="Q187" s="156">
        <v>0.86035772695557844</v>
      </c>
      <c r="R187" s="92">
        <v>4.6449825386483692E-2</v>
      </c>
      <c r="S187" s="156">
        <v>7.8651700890200613E-2</v>
      </c>
      <c r="T187" s="92">
        <v>3.6883050283952543E-2</v>
      </c>
      <c r="U187" s="156">
        <v>6.0990572154221594E-2</v>
      </c>
      <c r="V187" s="92">
        <v>3.3260754008304673E-2</v>
      </c>
    </row>
    <row r="188" spans="1:22" customFormat="1">
      <c r="A188" s="40" t="s">
        <v>537</v>
      </c>
      <c r="B188" s="78">
        <v>118</v>
      </c>
      <c r="C188" s="93">
        <v>0.30099597685029589</v>
      </c>
      <c r="D188" s="89">
        <v>8.3558503831109743E-2</v>
      </c>
      <c r="E188" s="93">
        <v>0.43937641392644827</v>
      </c>
      <c r="F188" s="89">
        <v>8.9911035812110296E-2</v>
      </c>
      <c r="G188" s="93">
        <v>0.25962760922325556</v>
      </c>
      <c r="H188" s="89">
        <v>8.0153087550896271E-2</v>
      </c>
      <c r="I188" s="78">
        <v>117</v>
      </c>
      <c r="J188" s="93">
        <v>0.82109109598349239</v>
      </c>
      <c r="K188" s="89">
        <v>7.1258888746820306E-2</v>
      </c>
      <c r="L188" s="93">
        <v>9.709162584102797E-2</v>
      </c>
      <c r="M188" s="89">
        <v>5.6982044927091857E-2</v>
      </c>
      <c r="N188" s="93">
        <v>8.1817278175479902E-2</v>
      </c>
      <c r="O188" s="89">
        <v>5.3472539886768242E-2</v>
      </c>
      <c r="P188" s="78">
        <v>117</v>
      </c>
      <c r="Q188" s="93">
        <v>0.86430253058449469</v>
      </c>
      <c r="R188" s="89">
        <v>6.4516834777078452E-2</v>
      </c>
      <c r="S188" s="93">
        <v>6.7919766835609907E-2</v>
      </c>
      <c r="T188" s="89">
        <v>4.9940794746516332E-2</v>
      </c>
      <c r="U188" s="93">
        <v>6.7777702579895668E-2</v>
      </c>
      <c r="V188" s="89">
        <v>4.9902784028851253E-2</v>
      </c>
    </row>
    <row r="189" spans="1:22" customFormat="1">
      <c r="A189" s="44" t="s">
        <v>538</v>
      </c>
      <c r="B189" s="152">
        <v>61</v>
      </c>
      <c r="C189" s="156">
        <v>0.48282788490595324</v>
      </c>
      <c r="D189" s="92">
        <v>0.1239702929338684</v>
      </c>
      <c r="E189" s="156">
        <v>0.27221764638019008</v>
      </c>
      <c r="F189" s="92">
        <v>0.11212754665327608</v>
      </c>
      <c r="G189" s="156">
        <v>0.24495446871385623</v>
      </c>
      <c r="H189" s="92">
        <v>0.10889977767783891</v>
      </c>
      <c r="I189" s="152">
        <v>59</v>
      </c>
      <c r="J189" s="156">
        <v>0.68858899965073439</v>
      </c>
      <c r="K189" s="92">
        <v>0.11786651267216201</v>
      </c>
      <c r="L189" s="156">
        <v>0.19620017057852476</v>
      </c>
      <c r="M189" s="92">
        <v>0.10360287994849122</v>
      </c>
      <c r="N189" s="156">
        <v>0.11521082977074094</v>
      </c>
      <c r="O189" s="92">
        <v>8.7338797087719147E-2</v>
      </c>
      <c r="P189" s="152">
        <v>60</v>
      </c>
      <c r="Q189" s="156">
        <v>0.8999590272117185</v>
      </c>
      <c r="R189" s="92">
        <v>8.2690615971629272E-2</v>
      </c>
      <c r="S189" s="156">
        <v>7.2624487906853524E-2</v>
      </c>
      <c r="T189" s="92">
        <v>7.4777973157746203E-2</v>
      </c>
      <c r="U189" s="156">
        <v>2.7416484881427804E-2</v>
      </c>
      <c r="V189" s="92">
        <v>5.7938175854398935E-2</v>
      </c>
    </row>
    <row r="190" spans="1:22" customFormat="1">
      <c r="A190" s="40" t="s">
        <v>539</v>
      </c>
      <c r="B190" s="78">
        <v>153</v>
      </c>
      <c r="C190" s="93">
        <v>0.24566757679508183</v>
      </c>
      <c r="D190" s="89">
        <v>6.9313114102014128E-2</v>
      </c>
      <c r="E190" s="93">
        <v>0.47837784450624471</v>
      </c>
      <c r="F190" s="89">
        <v>7.9737787072453978E-2</v>
      </c>
      <c r="G190" s="93">
        <v>0.2759545786986739</v>
      </c>
      <c r="H190" s="89">
        <v>7.1797457843944451E-2</v>
      </c>
      <c r="I190" s="78">
        <v>150</v>
      </c>
      <c r="J190" s="93">
        <v>0.82400659828772604</v>
      </c>
      <c r="K190" s="89">
        <v>6.2502450889646122E-2</v>
      </c>
      <c r="L190" s="93">
        <v>0.10733666561625316</v>
      </c>
      <c r="M190" s="89">
        <v>5.1904274870973328E-2</v>
      </c>
      <c r="N190" s="93">
        <v>6.8656736096021173E-2</v>
      </c>
      <c r="O190" s="89">
        <v>4.3688021659596211E-2</v>
      </c>
      <c r="P190" s="78">
        <v>151</v>
      </c>
      <c r="Q190" s="93">
        <v>0.90813857390865527</v>
      </c>
      <c r="R190" s="89">
        <v>4.8701724460234443E-2</v>
      </c>
      <c r="S190" s="93">
        <v>6.6635172712863372E-2</v>
      </c>
      <c r="T190" s="89">
        <v>4.3034275449111738E-2</v>
      </c>
      <c r="U190" s="93">
        <v>2.5226253378481677E-2</v>
      </c>
      <c r="V190" s="89">
        <v>3.0511274574942307E-2</v>
      </c>
    </row>
    <row r="191" spans="1:22" customFormat="1">
      <c r="A191" s="44" t="s">
        <v>540</v>
      </c>
      <c r="B191" s="152">
        <v>49</v>
      </c>
      <c r="C191" s="156">
        <v>0.38299723517552137</v>
      </c>
      <c r="D191" s="92">
        <v>0.13410745871900914</v>
      </c>
      <c r="E191" s="156">
        <v>0.4166983834399563</v>
      </c>
      <c r="F191" s="92">
        <v>0.13572133928239297</v>
      </c>
      <c r="G191" s="156">
        <v>0.20030438138452214</v>
      </c>
      <c r="H191" s="92">
        <v>0.11434086444411168</v>
      </c>
      <c r="I191" s="152">
        <v>49</v>
      </c>
      <c r="J191" s="156">
        <v>0.72282221597906005</v>
      </c>
      <c r="K191" s="92">
        <v>0.12516005048513551</v>
      </c>
      <c r="L191" s="156">
        <v>0.13730949908575182</v>
      </c>
      <c r="M191" s="92">
        <v>0.10189231646646144</v>
      </c>
      <c r="N191" s="156">
        <v>0.13986828493518794</v>
      </c>
      <c r="O191" s="92">
        <v>0.10247613264498159</v>
      </c>
      <c r="P191" s="152">
        <v>49</v>
      </c>
      <c r="Q191" s="156">
        <v>0.85525526490797599</v>
      </c>
      <c r="R191" s="92">
        <v>0.10356834825162853</v>
      </c>
      <c r="S191" s="156">
        <v>9.0539741596860179E-2</v>
      </c>
      <c r="T191" s="92">
        <v>8.973510091589508E-2</v>
      </c>
      <c r="U191" s="156">
        <v>5.4204993495163632E-2</v>
      </c>
      <c r="V191" s="92">
        <v>7.7767090473074202E-2</v>
      </c>
    </row>
    <row r="192" spans="1:22" customFormat="1">
      <c r="A192" s="40" t="s">
        <v>541</v>
      </c>
      <c r="B192" s="78">
        <v>62</v>
      </c>
      <c r="C192" s="93">
        <v>0.2034817913435214</v>
      </c>
      <c r="D192" s="89">
        <v>0.10222119255544075</v>
      </c>
      <c r="E192" s="93">
        <v>0.47120724376062273</v>
      </c>
      <c r="F192" s="89">
        <v>0.12291125641241643</v>
      </c>
      <c r="G192" s="93">
        <v>0.3253109648958562</v>
      </c>
      <c r="H192" s="89">
        <v>0.11627308304992921</v>
      </c>
      <c r="I192" s="78">
        <v>59</v>
      </c>
      <c r="J192" s="93">
        <v>0.80876273630149342</v>
      </c>
      <c r="K192" s="89">
        <v>0.10278262330374448</v>
      </c>
      <c r="L192" s="93">
        <v>0.15896217054971101</v>
      </c>
      <c r="M192" s="89">
        <v>9.6935080749833147E-2</v>
      </c>
      <c r="N192" s="93">
        <v>3.2275093148795557E-2</v>
      </c>
      <c r="O192" s="89">
        <v>6.0752631232437439E-2</v>
      </c>
      <c r="P192" s="78">
        <v>60</v>
      </c>
      <c r="Q192" s="93">
        <v>0.9188230667571573</v>
      </c>
      <c r="R192" s="89">
        <v>7.7390498370879274E-2</v>
      </c>
      <c r="S192" s="93">
        <v>7.8388088785215387E-2</v>
      </c>
      <c r="T192" s="89">
        <v>7.6554151605445112E-2</v>
      </c>
      <c r="U192" s="93">
        <v>2.7888444576272715E-3</v>
      </c>
      <c r="V192" s="89">
        <v>4.5220110636678502E-2</v>
      </c>
    </row>
    <row r="193" spans="1:22" customFormat="1">
      <c r="A193" s="44" t="s">
        <v>542</v>
      </c>
      <c r="B193" s="152">
        <v>42</v>
      </c>
      <c r="C193" s="156">
        <v>0.15441394222398258</v>
      </c>
      <c r="D193" s="92">
        <v>0.11437451945138297</v>
      </c>
      <c r="E193" s="156">
        <v>0.55640373324535886</v>
      </c>
      <c r="F193" s="92">
        <v>0.14665779356033171</v>
      </c>
      <c r="G193" s="156">
        <v>0.28918232453065873</v>
      </c>
      <c r="H193" s="92">
        <v>0.13607838338226311</v>
      </c>
      <c r="I193" s="152">
        <v>42</v>
      </c>
      <c r="J193" s="156">
        <v>0.95605411282203479</v>
      </c>
      <c r="K193" s="92">
        <v>8.1621258941286412E-2</v>
      </c>
      <c r="L193" s="156">
        <v>4.1571041897493586E-3</v>
      </c>
      <c r="M193" s="92">
        <v>6.258146566991199E-2</v>
      </c>
      <c r="N193" s="156">
        <v>3.9788782988216004E-2</v>
      </c>
      <c r="O193" s="92">
        <v>7.9911890906045072E-2</v>
      </c>
      <c r="P193" s="152">
        <v>42</v>
      </c>
      <c r="Q193" s="156">
        <v>0.95141428633503378</v>
      </c>
      <c r="R193" s="92">
        <v>8.3470076456511721E-2</v>
      </c>
      <c r="S193" s="156">
        <v>2.3942744226877227E-2</v>
      </c>
      <c r="T193" s="92">
        <v>7.2872633883081045E-2</v>
      </c>
      <c r="U193" s="156">
        <v>2.4642969438089201E-2</v>
      </c>
      <c r="V193" s="92">
        <v>7.3203242362885612E-2</v>
      </c>
    </row>
    <row r="194" spans="1:22" customFormat="1">
      <c r="A194" s="40" t="s">
        <v>543</v>
      </c>
      <c r="B194" s="78">
        <v>338</v>
      </c>
      <c r="C194" s="93">
        <v>0.35174992849693337</v>
      </c>
      <c r="D194" s="89">
        <v>5.1700104295417416E-2</v>
      </c>
      <c r="E194" s="93">
        <v>0.33545184895825658</v>
      </c>
      <c r="F194" s="89">
        <v>5.1133761184379109E-2</v>
      </c>
      <c r="G194" s="93">
        <v>0.3127982225448096</v>
      </c>
      <c r="H194" s="89">
        <v>5.023575474038959E-2</v>
      </c>
      <c r="I194" s="78">
        <v>334</v>
      </c>
      <c r="J194" s="93">
        <v>0.76073906997641472</v>
      </c>
      <c r="K194" s="89">
        <v>4.6614968925034854E-2</v>
      </c>
      <c r="L194" s="93">
        <v>0.17668816566901704</v>
      </c>
      <c r="M194" s="89">
        <v>4.1840626591410086E-2</v>
      </c>
      <c r="N194" s="93">
        <v>6.2572764354569071E-2</v>
      </c>
      <c r="O194" s="89">
        <v>2.7339512205975552E-2</v>
      </c>
      <c r="P194" s="78">
        <v>331</v>
      </c>
      <c r="Q194" s="93">
        <v>0.86774301695288103</v>
      </c>
      <c r="R194" s="89">
        <v>3.7532120965304429E-2</v>
      </c>
      <c r="S194" s="93">
        <v>9.2425299187638713E-2</v>
      </c>
      <c r="T194" s="89">
        <v>3.2383182703158035E-2</v>
      </c>
      <c r="U194" s="93">
        <v>3.9831683859481097E-2</v>
      </c>
      <c r="V194" s="89">
        <v>2.2730547191515845E-2</v>
      </c>
    </row>
    <row r="195" spans="1:22" customFormat="1">
      <c r="A195" s="44" t="s">
        <v>616</v>
      </c>
      <c r="B195" s="152">
        <v>150</v>
      </c>
      <c r="C195" s="156">
        <v>0.39247494487747331</v>
      </c>
      <c r="D195" s="92">
        <v>7.8794680914526488E-2</v>
      </c>
      <c r="E195" s="156">
        <v>0.32463948485597277</v>
      </c>
      <c r="F195" s="92">
        <v>7.5734569646039709E-2</v>
      </c>
      <c r="G195" s="156">
        <v>0.28288557026655381</v>
      </c>
      <c r="H195" s="92">
        <v>7.3019884262463558E-2</v>
      </c>
      <c r="I195" s="152">
        <v>148</v>
      </c>
      <c r="J195" s="156">
        <v>0.78142477636036145</v>
      </c>
      <c r="K195" s="92">
        <v>6.7845347300137887E-2</v>
      </c>
      <c r="L195" s="156">
        <v>0.16624721712703142</v>
      </c>
      <c r="M195" s="92">
        <v>6.1642991534478546E-2</v>
      </c>
      <c r="N195" s="156">
        <v>5.232800651260705E-2</v>
      </c>
      <c r="O195" s="92">
        <v>3.9735607787551051E-2</v>
      </c>
      <c r="P195" s="152">
        <v>148</v>
      </c>
      <c r="Q195" s="156">
        <v>0.87434504278616421</v>
      </c>
      <c r="R195" s="92">
        <v>5.552245346691255E-2</v>
      </c>
      <c r="S195" s="156">
        <v>7.271062751698959E-2</v>
      </c>
      <c r="T195" s="92">
        <v>4.4987316470631866E-2</v>
      </c>
      <c r="U195" s="156">
        <v>5.2944329696846211E-2</v>
      </c>
      <c r="V195" s="92">
        <v>3.990835028472263E-2</v>
      </c>
    </row>
    <row r="196" spans="1:22" customFormat="1">
      <c r="A196" s="52" t="s">
        <v>544</v>
      </c>
      <c r="B196" s="78">
        <v>188</v>
      </c>
      <c r="C196" s="93">
        <v>0.32251457657041049</v>
      </c>
      <c r="D196" s="89">
        <v>6.7669201041715699E-2</v>
      </c>
      <c r="E196" s="93">
        <v>0.34321374318892423</v>
      </c>
      <c r="F196" s="89">
        <v>6.8682792533781539E-2</v>
      </c>
      <c r="G196" s="93">
        <v>0.33427168024066434</v>
      </c>
      <c r="H196" s="89">
        <v>6.826215010521873E-2</v>
      </c>
      <c r="I196" s="78">
        <v>186</v>
      </c>
      <c r="J196" s="93">
        <v>0.74591138350306097</v>
      </c>
      <c r="K196" s="89">
        <v>6.3585333622297763E-2</v>
      </c>
      <c r="L196" s="93">
        <v>0.18417232446888757</v>
      </c>
      <c r="M196" s="89">
        <v>5.7014965511263109E-2</v>
      </c>
      <c r="N196" s="93">
        <v>6.9916292028050317E-2</v>
      </c>
      <c r="O196" s="89">
        <v>3.9131173910517215E-2</v>
      </c>
      <c r="P196" s="78">
        <v>183</v>
      </c>
      <c r="Q196" s="93">
        <v>0.86291834924423017</v>
      </c>
      <c r="R196" s="89">
        <v>5.147340292868189E-2</v>
      </c>
      <c r="S196" s="93">
        <v>0.10683250421802129</v>
      </c>
      <c r="T196" s="89">
        <v>4.6701159250037351E-2</v>
      </c>
      <c r="U196" s="93">
        <v>3.0249146537747879E-2</v>
      </c>
      <c r="V196" s="89">
        <v>2.8761762086616224E-2</v>
      </c>
    </row>
    <row r="197" spans="1:22" customFormat="1">
      <c r="A197" s="44" t="s">
        <v>545</v>
      </c>
      <c r="B197" s="152">
        <v>64</v>
      </c>
      <c r="C197" s="156">
        <v>0.36873002281235029</v>
      </c>
      <c r="D197" s="92">
        <v>0.11750740623992241</v>
      </c>
      <c r="E197" s="156">
        <v>0.28505814473325919</v>
      </c>
      <c r="F197" s="92">
        <v>0.11089884938437873</v>
      </c>
      <c r="G197" s="156">
        <v>0.34621183245439047</v>
      </c>
      <c r="H197" s="92">
        <v>0.11607548506393121</v>
      </c>
      <c r="I197" s="152">
        <v>62</v>
      </c>
      <c r="J197" s="156">
        <v>0.70475960844810193</v>
      </c>
      <c r="K197" s="92">
        <v>0.1136185810735256</v>
      </c>
      <c r="L197" s="156">
        <v>0.25246408520151653</v>
      </c>
      <c r="M197" s="92">
        <v>0.10896984865848143</v>
      </c>
      <c r="N197" s="156">
        <v>4.2776306350381627E-2</v>
      </c>
      <c r="O197" s="92">
        <v>6.301439930599903E-2</v>
      </c>
      <c r="P197" s="152">
        <v>62</v>
      </c>
      <c r="Q197" s="156">
        <v>0.81301023825550223</v>
      </c>
      <c r="R197" s="92">
        <v>9.9556752502057685E-2</v>
      </c>
      <c r="S197" s="156">
        <v>8.0738777186797589E-2</v>
      </c>
      <c r="T197" s="92">
        <v>7.5831165723529256E-2</v>
      </c>
      <c r="U197" s="156">
        <v>0.10625098455770048</v>
      </c>
      <c r="V197" s="92">
        <v>8.2823200600266544E-2</v>
      </c>
    </row>
    <row r="198" spans="1:22" customFormat="1">
      <c r="A198" s="52" t="s">
        <v>546</v>
      </c>
      <c r="B198" s="78">
        <v>174</v>
      </c>
      <c r="C198" s="93">
        <v>0.33095844224690646</v>
      </c>
      <c r="D198" s="89">
        <v>7.0741624122169514E-2</v>
      </c>
      <c r="E198" s="93">
        <v>0.31409240795723353</v>
      </c>
      <c r="F198" s="89">
        <v>6.9827113285382797E-2</v>
      </c>
      <c r="G198" s="93">
        <v>0.35494914979586206</v>
      </c>
      <c r="H198" s="89">
        <v>7.1876178292447537E-2</v>
      </c>
      <c r="I198" s="78">
        <v>172</v>
      </c>
      <c r="J198" s="93">
        <v>0.6825380052014125</v>
      </c>
      <c r="K198" s="89">
        <v>7.0417136491091215E-2</v>
      </c>
      <c r="L198" s="93">
        <v>0.22194744396931756</v>
      </c>
      <c r="M198" s="89">
        <v>6.3274488435669532E-2</v>
      </c>
      <c r="N198" s="93">
        <v>9.55145508292711E-2</v>
      </c>
      <c r="O198" s="89">
        <v>4.6157773383635331E-2</v>
      </c>
      <c r="P198" s="78">
        <v>175</v>
      </c>
      <c r="Q198" s="93">
        <v>0.80119627214167521</v>
      </c>
      <c r="R198" s="89">
        <v>6.0406443332825077E-2</v>
      </c>
      <c r="S198" s="93">
        <v>0.14924589199935884</v>
      </c>
      <c r="T198" s="89">
        <v>5.4395324759952686E-2</v>
      </c>
      <c r="U198" s="93">
        <v>4.9557835858966788E-2</v>
      </c>
      <c r="V198" s="89">
        <v>3.5396749195288735E-2</v>
      </c>
    </row>
    <row r="199" spans="1:22" customFormat="1">
      <c r="A199" s="44" t="s">
        <v>557</v>
      </c>
      <c r="B199" s="152">
        <v>68</v>
      </c>
      <c r="C199" s="156">
        <v>0.31360643100320468</v>
      </c>
      <c r="D199" s="92">
        <v>0.11030525625496705</v>
      </c>
      <c r="E199" s="156">
        <v>0.27087269130689667</v>
      </c>
      <c r="F199" s="92">
        <v>0.1062418361930972</v>
      </c>
      <c r="G199" s="156">
        <v>0.41552087768989859</v>
      </c>
      <c r="H199" s="92">
        <v>0.11634102651175368</v>
      </c>
      <c r="I199" s="152">
        <v>67</v>
      </c>
      <c r="J199" s="156">
        <v>0.76899184439012513</v>
      </c>
      <c r="K199" s="92">
        <v>0.1022470323731442</v>
      </c>
      <c r="L199" s="156">
        <v>0.13375364328374451</v>
      </c>
      <c r="M199" s="92">
        <v>8.5761484086060005E-2</v>
      </c>
      <c r="N199" s="156">
        <v>9.7254512326130471E-2</v>
      </c>
      <c r="O199" s="92">
        <v>7.7116243010443841E-2</v>
      </c>
      <c r="P199" s="152">
        <v>68</v>
      </c>
      <c r="Q199" s="156">
        <v>0.8479489598982477</v>
      </c>
      <c r="R199" s="92">
        <v>8.8822515398174817E-2</v>
      </c>
      <c r="S199" s="156">
        <v>9.4698574855120551E-2</v>
      </c>
      <c r="T199" s="92">
        <v>7.5819921631059009E-2</v>
      </c>
      <c r="U199" s="156">
        <v>5.7352465246631734E-2</v>
      </c>
      <c r="V199" s="92">
        <v>6.4648269138101011E-2</v>
      </c>
    </row>
    <row r="200" spans="1:22" customFormat="1">
      <c r="A200" s="52" t="s">
        <v>558</v>
      </c>
      <c r="B200" s="78">
        <v>64</v>
      </c>
      <c r="C200" s="93">
        <v>0.34772152865251649</v>
      </c>
      <c r="D200" s="89">
        <v>0.11617915059236618</v>
      </c>
      <c r="E200" s="93">
        <v>0.30512093573336213</v>
      </c>
      <c r="F200" s="89">
        <v>0.11281393358414248</v>
      </c>
      <c r="G200" s="93">
        <v>0.34715753561412122</v>
      </c>
      <c r="H200" s="89">
        <v>0.11614055364959525</v>
      </c>
      <c r="I200" s="78">
        <v>64</v>
      </c>
      <c r="J200" s="93">
        <v>0.65191232552529055</v>
      </c>
      <c r="K200" s="89">
        <v>0.11620412461416724</v>
      </c>
      <c r="L200" s="93">
        <v>0.29712804660442294</v>
      </c>
      <c r="M200" s="89">
        <v>0.11207732680566403</v>
      </c>
      <c r="N200" s="93">
        <v>5.0959627870286218E-2</v>
      </c>
      <c r="O200" s="89">
        <v>6.4801537529201592E-2</v>
      </c>
      <c r="P200" s="78">
        <v>64</v>
      </c>
      <c r="Q200" s="93">
        <v>0.72006272159388174</v>
      </c>
      <c r="R200" s="89">
        <v>0.11037428139378254</v>
      </c>
      <c r="S200" s="93">
        <v>0.23127013131516277</v>
      </c>
      <c r="T200" s="89">
        <v>0.10460861113480711</v>
      </c>
      <c r="U200" s="93">
        <v>4.8667147090955203E-2</v>
      </c>
      <c r="V200" s="89">
        <v>6.3966292114509785E-2</v>
      </c>
    </row>
    <row r="201" spans="1:22" customFormat="1">
      <c r="A201" s="44" t="s">
        <v>549</v>
      </c>
      <c r="B201" s="152">
        <v>42</v>
      </c>
      <c r="C201" s="156">
        <v>0.33469073563551094</v>
      </c>
      <c r="D201" s="92">
        <v>0.14056369835866614</v>
      </c>
      <c r="E201" s="156">
        <v>0.40980018240441857</v>
      </c>
      <c r="F201" s="92">
        <v>0.14542813278425934</v>
      </c>
      <c r="G201" s="156">
        <v>0.25550908196007027</v>
      </c>
      <c r="H201" s="92">
        <v>0.13193146866325364</v>
      </c>
      <c r="I201" s="152">
        <v>41</v>
      </c>
      <c r="J201" s="156">
        <v>0.57124773040174615</v>
      </c>
      <c r="K201" s="92">
        <v>0.14780951551425142</v>
      </c>
      <c r="L201" s="156">
        <v>0.2587470578494861</v>
      </c>
      <c r="M201" s="92">
        <v>0.13389360263756461</v>
      </c>
      <c r="N201" s="156">
        <v>0.17000521174876759</v>
      </c>
      <c r="O201" s="92">
        <v>0.11910869394656792</v>
      </c>
      <c r="P201" s="152">
        <v>43</v>
      </c>
      <c r="Q201" s="156">
        <v>0.8510403836004522</v>
      </c>
      <c r="R201" s="92">
        <v>0.11179513774592892</v>
      </c>
      <c r="S201" s="156">
        <v>0.1120408779886579</v>
      </c>
      <c r="T201" s="92">
        <v>0.10273562693400289</v>
      </c>
      <c r="U201" s="156">
        <v>3.6918738410889398E-2</v>
      </c>
      <c r="V201" s="92">
        <v>7.7461674536727101E-2</v>
      </c>
    </row>
    <row r="202" spans="1:22" customFormat="1">
      <c r="A202" s="52" t="s">
        <v>550</v>
      </c>
      <c r="B202" s="78">
        <v>112</v>
      </c>
      <c r="C202" s="93">
        <v>0.43477339924540703</v>
      </c>
      <c r="D202" s="89">
        <v>9.2108228343508833E-2</v>
      </c>
      <c r="E202" s="93">
        <v>0.33004581553113577</v>
      </c>
      <c r="F202" s="89">
        <v>8.7705081665110651E-2</v>
      </c>
      <c r="G202" s="93">
        <v>0.23518078522345648</v>
      </c>
      <c r="H202" s="89">
        <v>7.9789354852290356E-2</v>
      </c>
      <c r="I202" s="78">
        <v>112</v>
      </c>
      <c r="J202" s="93">
        <v>0.67962522307511009</v>
      </c>
      <c r="K202" s="89">
        <v>8.7083313570485113E-2</v>
      </c>
      <c r="L202" s="93">
        <v>0.18999203369987205</v>
      </c>
      <c r="M202" s="89">
        <v>7.4372944902134072E-2</v>
      </c>
      <c r="N202" s="93">
        <v>0.13038274322501744</v>
      </c>
      <c r="O202" s="89">
        <v>6.5031158051067489E-2</v>
      </c>
      <c r="P202" s="78">
        <v>111</v>
      </c>
      <c r="Q202" s="93">
        <v>0.836303157200597</v>
      </c>
      <c r="R202" s="89">
        <v>7.0927070453725774E-2</v>
      </c>
      <c r="S202" s="93">
        <v>0.13946416465351621</v>
      </c>
      <c r="T202" s="89">
        <v>6.6958562367774907E-2</v>
      </c>
      <c r="U202" s="93">
        <v>2.4232678145886685E-2</v>
      </c>
      <c r="V202" s="89">
        <v>3.6886669238449778E-2</v>
      </c>
    </row>
    <row r="203" spans="1:22" customFormat="1">
      <c r="A203" s="44" t="s">
        <v>551</v>
      </c>
      <c r="B203" s="152">
        <v>117</v>
      </c>
      <c r="C203" s="156">
        <v>0.32255675941337764</v>
      </c>
      <c r="D203" s="92">
        <v>8.5388991013957527E-2</v>
      </c>
      <c r="E203" s="156">
        <v>0.40967526680514837</v>
      </c>
      <c r="F203" s="92">
        <v>8.9511426018248519E-2</v>
      </c>
      <c r="G203" s="156">
        <v>0.26776797378147432</v>
      </c>
      <c r="H203" s="92">
        <v>8.1225139905341942E-2</v>
      </c>
      <c r="I203" s="152">
        <v>117</v>
      </c>
      <c r="J203" s="156">
        <v>0.77952293064387146</v>
      </c>
      <c r="K203" s="92">
        <v>7.6482022621055856E-2</v>
      </c>
      <c r="L203" s="156">
        <v>0.14225562151204041</v>
      </c>
      <c r="M203" s="92">
        <v>6.5641313238264054E-2</v>
      </c>
      <c r="N203" s="156">
        <v>7.8221447844088271E-2</v>
      </c>
      <c r="O203" s="92">
        <v>5.25923785308791E-2</v>
      </c>
      <c r="P203" s="152">
        <v>116</v>
      </c>
      <c r="Q203" s="156">
        <v>0.8910227896242624</v>
      </c>
      <c r="R203" s="92">
        <v>5.9756323295760368E-2</v>
      </c>
      <c r="S203" s="156">
        <v>6.376815950956484E-2</v>
      </c>
      <c r="T203" s="92">
        <v>4.9049936047414595E-2</v>
      </c>
      <c r="U203" s="156">
        <v>4.520905086617253E-2</v>
      </c>
      <c r="V203" s="92">
        <v>4.3483469385582452E-2</v>
      </c>
    </row>
    <row r="204" spans="1:22" s="5" customFormat="1"/>
  </sheetData>
  <mergeCells count="32">
    <mergeCell ref="A148:K148"/>
    <mergeCell ref="A149:K149"/>
    <mergeCell ref="A177:V177"/>
    <mergeCell ref="A178:V178"/>
    <mergeCell ref="B179:H179"/>
    <mergeCell ref="I179:O179"/>
    <mergeCell ref="P179:V179"/>
    <mergeCell ref="A150:D150"/>
    <mergeCell ref="E150:K150"/>
    <mergeCell ref="AR63:AX63"/>
    <mergeCell ref="A4:H4"/>
    <mergeCell ref="A3:H3"/>
    <mergeCell ref="A33:H33"/>
    <mergeCell ref="A32:H32"/>
    <mergeCell ref="A61:AX61"/>
    <mergeCell ref="A62:AX62"/>
    <mergeCell ref="W63:AC63"/>
    <mergeCell ref="AD63:AJ63"/>
    <mergeCell ref="AK63:AQ63"/>
    <mergeCell ref="P121:V121"/>
    <mergeCell ref="A5:H5"/>
    <mergeCell ref="A34:H34"/>
    <mergeCell ref="B63:H63"/>
    <mergeCell ref="I63:O63"/>
    <mergeCell ref="P63:V63"/>
    <mergeCell ref="A91:H91"/>
    <mergeCell ref="A90:H90"/>
    <mergeCell ref="A120:V120"/>
    <mergeCell ref="A119:V119"/>
    <mergeCell ref="I121:O121"/>
    <mergeCell ref="A92:H92"/>
    <mergeCell ref="B121:H121"/>
  </mergeCells>
  <pageMargins left="0.7" right="0.7" top="0.75" bottom="0.75" header="0.3" footer="0.3"/>
  <pageSetup paperSize="9" orientation="portrait" r:id="rId1"/>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500-000000000000}">
  <dimension ref="A1:BD145"/>
  <sheetViews>
    <sheetView zoomScaleNormal="100" workbookViewId="0"/>
  </sheetViews>
  <sheetFormatPr defaultColWidth="18" defaultRowHeight="15"/>
  <cols>
    <col min="1" max="1" width="50.42578125" style="5" customWidth="1"/>
    <col min="2" max="4" width="19.42578125" style="5" customWidth="1"/>
    <col min="5" max="8" width="18" style="5"/>
    <col min="9" max="9" width="19.85546875" style="5" customWidth="1"/>
    <col min="10" max="16384" width="18" style="5"/>
  </cols>
  <sheetData>
    <row r="1" spans="1:37" ht="29.25" customHeight="1">
      <c r="A1" s="31" t="s">
        <v>60</v>
      </c>
      <c r="P1" s="225"/>
      <c r="Q1" s="225"/>
      <c r="R1" s="225"/>
      <c r="S1" s="225"/>
      <c r="T1" s="225"/>
      <c r="U1" s="225"/>
      <c r="V1" s="225"/>
      <c r="W1" s="225"/>
      <c r="X1" s="225"/>
      <c r="Y1" s="225"/>
      <c r="Z1" s="225"/>
      <c r="AA1" s="225"/>
      <c r="AB1" s="225"/>
      <c r="AC1" s="225"/>
      <c r="AD1" s="225"/>
      <c r="AE1" s="225"/>
      <c r="AF1" s="225"/>
      <c r="AG1" s="225"/>
      <c r="AH1" s="225"/>
      <c r="AI1" s="225"/>
      <c r="AJ1" s="225"/>
      <c r="AK1" s="225"/>
    </row>
    <row r="2" spans="1:37" ht="15.75" customHeight="1">
      <c r="A2" s="31"/>
      <c r="P2" s="225"/>
      <c r="Q2" s="225"/>
      <c r="R2" s="225"/>
      <c r="S2" s="225"/>
      <c r="T2" s="225"/>
      <c r="U2" s="225"/>
      <c r="V2" s="225"/>
      <c r="W2" s="225"/>
      <c r="X2" s="225"/>
      <c r="Y2" s="225"/>
      <c r="Z2" s="225"/>
      <c r="AA2" s="225"/>
      <c r="AB2" s="225"/>
      <c r="AC2" s="225"/>
      <c r="AD2" s="225"/>
      <c r="AE2" s="225"/>
      <c r="AF2" s="225"/>
      <c r="AG2" s="225"/>
      <c r="AH2" s="225"/>
      <c r="AI2" s="225"/>
      <c r="AJ2" s="225"/>
      <c r="AK2" s="225"/>
    </row>
    <row r="3" spans="1:37" ht="18.75">
      <c r="A3" s="342" t="s">
        <v>365</v>
      </c>
      <c r="B3" s="342"/>
      <c r="C3" s="342"/>
      <c r="D3" s="342"/>
      <c r="P3" s="225"/>
      <c r="Q3" s="225"/>
      <c r="R3" s="225"/>
      <c r="S3" s="225"/>
      <c r="T3" s="225"/>
      <c r="U3" s="225"/>
      <c r="V3" s="225"/>
      <c r="W3" s="225"/>
      <c r="X3" s="225"/>
      <c r="Y3" s="225"/>
      <c r="Z3" s="225"/>
      <c r="AA3" s="225"/>
      <c r="AB3" s="225"/>
      <c r="AC3" s="225"/>
      <c r="AD3" s="225"/>
      <c r="AE3" s="225"/>
      <c r="AF3" s="225"/>
      <c r="AG3" s="225"/>
      <c r="AH3" s="225"/>
      <c r="AI3" s="225"/>
      <c r="AJ3" s="225"/>
      <c r="AK3" s="225"/>
    </row>
    <row r="4" spans="1:37" ht="99.75" customHeight="1">
      <c r="A4" s="352" t="s">
        <v>363</v>
      </c>
      <c r="B4" s="352"/>
      <c r="C4" s="352"/>
      <c r="D4" s="352"/>
      <c r="P4" s="225"/>
      <c r="Q4" s="225"/>
      <c r="R4" s="225"/>
      <c r="S4" s="225"/>
      <c r="T4" s="225"/>
      <c r="U4" s="225"/>
      <c r="V4" s="225"/>
      <c r="W4" s="225"/>
      <c r="X4" s="225"/>
      <c r="Y4" s="225"/>
      <c r="Z4" s="225"/>
      <c r="AA4" s="225"/>
      <c r="AB4" s="225"/>
      <c r="AC4" s="225"/>
      <c r="AD4" s="225"/>
      <c r="AE4" s="225"/>
      <c r="AF4" s="225"/>
      <c r="AG4" s="225"/>
      <c r="AH4" s="225"/>
      <c r="AI4" s="225"/>
      <c r="AJ4" s="225"/>
      <c r="AK4" s="225"/>
    </row>
    <row r="5" spans="1:37" ht="36.75" customHeight="1">
      <c r="A5" s="353" t="s">
        <v>364</v>
      </c>
      <c r="B5" s="354"/>
      <c r="C5" s="354"/>
      <c r="D5" s="354"/>
      <c r="P5" s="225"/>
      <c r="Q5" s="225"/>
      <c r="R5" s="225"/>
      <c r="S5" s="225"/>
      <c r="T5" s="225"/>
      <c r="U5" s="225"/>
      <c r="V5" s="225"/>
      <c r="W5" s="225"/>
      <c r="X5" s="225"/>
      <c r="Y5" s="225"/>
      <c r="Z5" s="225"/>
      <c r="AA5" s="225"/>
      <c r="AB5" s="225"/>
      <c r="AC5" s="225"/>
      <c r="AD5" s="225"/>
      <c r="AE5" s="225"/>
      <c r="AF5" s="225"/>
      <c r="AG5" s="225"/>
      <c r="AH5" s="225"/>
      <c r="AI5" s="225"/>
      <c r="AJ5" s="225"/>
      <c r="AK5" s="225"/>
    </row>
    <row r="6" spans="1:37" ht="72">
      <c r="A6" s="32" t="s">
        <v>71</v>
      </c>
      <c r="B6" s="33" t="s">
        <v>72</v>
      </c>
      <c r="C6" s="34" t="s">
        <v>592</v>
      </c>
      <c r="D6" s="35" t="s">
        <v>73</v>
      </c>
      <c r="P6" s="225"/>
      <c r="Q6" s="225"/>
      <c r="R6" s="225"/>
      <c r="S6" s="225"/>
      <c r="T6" s="225"/>
      <c r="U6" s="225"/>
      <c r="V6" s="225"/>
      <c r="W6" s="225"/>
      <c r="X6" s="225"/>
      <c r="Y6" s="225"/>
      <c r="Z6" s="225"/>
      <c r="AA6" s="225"/>
      <c r="AB6" s="225"/>
      <c r="AC6" s="225"/>
      <c r="AD6" s="225"/>
      <c r="AE6" s="225"/>
      <c r="AF6" s="225"/>
      <c r="AG6" s="225"/>
      <c r="AH6" s="225"/>
      <c r="AI6" s="225"/>
      <c r="AJ6" s="225"/>
      <c r="AK6" s="225"/>
    </row>
    <row r="7" spans="1:37" ht="72">
      <c r="A7" s="36"/>
      <c r="B7" s="37" t="s">
        <v>74</v>
      </c>
      <c r="C7" s="38" t="s">
        <v>585</v>
      </c>
      <c r="D7" s="39" t="s">
        <v>76</v>
      </c>
      <c r="P7" s="225"/>
      <c r="Q7" s="225"/>
      <c r="R7" s="225"/>
      <c r="S7" s="225"/>
      <c r="T7" s="225"/>
      <c r="U7" s="225"/>
      <c r="V7" s="225"/>
      <c r="W7" s="225"/>
      <c r="X7" s="225"/>
      <c r="Y7" s="225"/>
      <c r="Z7" s="225"/>
      <c r="AA7" s="225"/>
      <c r="AB7" s="225"/>
      <c r="AC7" s="225"/>
      <c r="AD7" s="225"/>
      <c r="AE7" s="225"/>
      <c r="AF7" s="225"/>
      <c r="AG7" s="225"/>
      <c r="AH7" s="225"/>
      <c r="AI7" s="225"/>
      <c r="AJ7" s="225"/>
      <c r="AK7" s="225"/>
    </row>
    <row r="8" spans="1:37">
      <c r="A8" s="40" t="s">
        <v>350</v>
      </c>
      <c r="B8" s="128">
        <v>13760</v>
      </c>
      <c r="C8" s="129">
        <v>5.3107549376785776</v>
      </c>
      <c r="D8" s="130">
        <v>1.980026958620976E-2</v>
      </c>
      <c r="P8" s="225"/>
      <c r="Q8" s="225"/>
      <c r="R8" s="225"/>
      <c r="S8" s="225"/>
      <c r="T8" s="225"/>
      <c r="U8" s="225"/>
      <c r="V8" s="225"/>
      <c r="W8" s="225"/>
      <c r="X8" s="225"/>
      <c r="Y8" s="225"/>
      <c r="Z8" s="225"/>
      <c r="AA8" s="225"/>
      <c r="AB8" s="225"/>
      <c r="AC8" s="225"/>
      <c r="AD8" s="225"/>
      <c r="AE8" s="225"/>
      <c r="AF8" s="225"/>
      <c r="AG8" s="225"/>
      <c r="AH8" s="225"/>
      <c r="AI8" s="225"/>
      <c r="AJ8" s="225"/>
      <c r="AK8" s="225"/>
    </row>
    <row r="9" spans="1:37">
      <c r="A9" s="44" t="s">
        <v>351</v>
      </c>
      <c r="B9" s="44">
        <v>10041</v>
      </c>
      <c r="C9" s="132">
        <v>5.425601896978967</v>
      </c>
      <c r="D9" s="133">
        <v>2.2820295307440942E-2</v>
      </c>
      <c r="P9" s="225"/>
      <c r="Q9" s="225"/>
      <c r="R9" s="225"/>
      <c r="S9" s="225"/>
      <c r="T9" s="225"/>
      <c r="U9" s="225"/>
      <c r="V9" s="225"/>
      <c r="W9" s="225"/>
      <c r="X9" s="225"/>
      <c r="Y9" s="225"/>
      <c r="Z9" s="225"/>
      <c r="AA9" s="225"/>
      <c r="AB9" s="225"/>
      <c r="AC9" s="225"/>
      <c r="AD9" s="225"/>
      <c r="AE9" s="225"/>
      <c r="AF9" s="225"/>
      <c r="AG9" s="225"/>
      <c r="AH9" s="225"/>
      <c r="AI9" s="225"/>
      <c r="AJ9" s="225"/>
      <c r="AK9" s="225"/>
    </row>
    <row r="10" spans="1:37">
      <c r="A10" s="40" t="s">
        <v>352</v>
      </c>
      <c r="B10" s="48">
        <v>3719</v>
      </c>
      <c r="C10" s="129">
        <v>5.2193696323113699</v>
      </c>
      <c r="D10" s="130">
        <v>3.8927555702293927E-2</v>
      </c>
      <c r="P10" s="225"/>
      <c r="Q10" s="225"/>
      <c r="R10" s="225"/>
      <c r="S10" s="225"/>
      <c r="T10" s="225"/>
      <c r="U10" s="225"/>
      <c r="V10" s="225"/>
      <c r="W10" s="225"/>
      <c r="X10" s="225"/>
      <c r="Y10" s="225"/>
      <c r="Z10" s="225"/>
      <c r="AA10" s="225"/>
      <c r="AB10" s="225"/>
      <c r="AC10" s="225"/>
      <c r="AD10" s="225"/>
      <c r="AE10" s="225"/>
      <c r="AF10" s="225"/>
      <c r="AG10" s="225"/>
      <c r="AH10" s="225"/>
      <c r="AI10" s="225"/>
      <c r="AJ10" s="225"/>
      <c r="AK10" s="225"/>
    </row>
    <row r="11" spans="1:37">
      <c r="A11" s="44" t="s">
        <v>555</v>
      </c>
      <c r="B11" s="44">
        <v>3571</v>
      </c>
      <c r="C11" s="132">
        <v>5.3241119863304327</v>
      </c>
      <c r="D11" s="133">
        <v>3.9017574138285584E-2</v>
      </c>
      <c r="P11" s="225"/>
      <c r="Q11" s="225"/>
      <c r="R11" s="225"/>
      <c r="S11" s="225"/>
      <c r="T11" s="225"/>
      <c r="U11" s="225"/>
      <c r="V11" s="225"/>
      <c r="W11" s="225"/>
      <c r="X11" s="225"/>
      <c r="Y11" s="225"/>
      <c r="Z11" s="225"/>
      <c r="AA11" s="225"/>
      <c r="AB11" s="225"/>
      <c r="AC11" s="225"/>
      <c r="AD11" s="225"/>
      <c r="AE11" s="225"/>
      <c r="AF11" s="225"/>
      <c r="AG11" s="225"/>
      <c r="AH11" s="225"/>
      <c r="AI11" s="225"/>
      <c r="AJ11" s="225"/>
      <c r="AK11" s="225"/>
    </row>
    <row r="12" spans="1:37">
      <c r="A12" s="40" t="s">
        <v>556</v>
      </c>
      <c r="B12" s="48">
        <v>2929</v>
      </c>
      <c r="C12" s="129">
        <v>5.5012127679788208</v>
      </c>
      <c r="D12" s="130">
        <v>4.2591430169261757E-2</v>
      </c>
      <c r="P12" s="225"/>
      <c r="Q12" s="225"/>
      <c r="R12" s="225"/>
      <c r="S12" s="225"/>
      <c r="T12" s="225"/>
      <c r="U12" s="225"/>
      <c r="V12" s="225"/>
      <c r="W12" s="225"/>
      <c r="X12" s="225"/>
      <c r="Y12" s="225"/>
      <c r="Z12" s="225"/>
      <c r="AA12" s="225"/>
      <c r="AB12" s="225"/>
      <c r="AC12" s="225"/>
      <c r="AD12" s="225"/>
      <c r="AE12" s="225"/>
      <c r="AF12" s="225"/>
      <c r="AG12" s="225"/>
      <c r="AH12" s="225"/>
      <c r="AI12" s="225"/>
      <c r="AJ12" s="225"/>
      <c r="AK12" s="225"/>
    </row>
    <row r="13" spans="1:37">
      <c r="A13" s="44" t="s">
        <v>536</v>
      </c>
      <c r="B13" s="44">
        <v>324</v>
      </c>
      <c r="C13" s="132">
        <v>5.3930109671290269</v>
      </c>
      <c r="D13" s="133">
        <v>0.13558966255658469</v>
      </c>
      <c r="P13" s="225"/>
      <c r="Q13" s="225"/>
      <c r="R13" s="225"/>
      <c r="S13" s="225"/>
      <c r="T13" s="225"/>
      <c r="U13" s="225"/>
      <c r="V13" s="225"/>
      <c r="W13" s="225"/>
      <c r="X13" s="225"/>
      <c r="Y13" s="225"/>
      <c r="Z13" s="225"/>
      <c r="AA13" s="225"/>
      <c r="AB13" s="225"/>
      <c r="AC13" s="225"/>
      <c r="AD13" s="225"/>
      <c r="AE13" s="225"/>
      <c r="AF13" s="225"/>
      <c r="AG13" s="225"/>
      <c r="AH13" s="225"/>
      <c r="AI13" s="225"/>
      <c r="AJ13" s="225"/>
      <c r="AK13" s="225"/>
    </row>
    <row r="14" spans="1:37">
      <c r="A14" s="40" t="s">
        <v>537</v>
      </c>
      <c r="B14" s="48">
        <v>161</v>
      </c>
      <c r="C14" s="129">
        <v>5.5060193232702721</v>
      </c>
      <c r="D14" s="130">
        <v>0.17659055937958068</v>
      </c>
      <c r="P14" s="225"/>
      <c r="Q14" s="225"/>
      <c r="R14" s="225"/>
      <c r="S14" s="225"/>
      <c r="T14" s="225"/>
      <c r="U14" s="225"/>
      <c r="V14" s="225"/>
      <c r="W14" s="225"/>
      <c r="X14" s="225"/>
      <c r="Y14" s="225"/>
      <c r="Z14" s="225"/>
      <c r="AA14" s="225"/>
      <c r="AB14" s="225"/>
      <c r="AC14" s="225"/>
      <c r="AD14" s="225"/>
      <c r="AE14" s="225"/>
      <c r="AF14" s="225"/>
      <c r="AG14" s="225"/>
      <c r="AH14" s="225"/>
      <c r="AI14" s="225"/>
      <c r="AJ14" s="225"/>
      <c r="AK14" s="225"/>
    </row>
    <row r="15" spans="1:37">
      <c r="A15" s="44" t="s">
        <v>538</v>
      </c>
      <c r="B15" s="44">
        <v>87</v>
      </c>
      <c r="C15" s="132">
        <v>5.029972704102077</v>
      </c>
      <c r="D15" s="133">
        <v>0.26663758691025402</v>
      </c>
      <c r="P15" s="225"/>
      <c r="Q15" s="225"/>
      <c r="R15" s="225"/>
      <c r="S15" s="225"/>
      <c r="T15" s="225"/>
      <c r="U15" s="225"/>
      <c r="V15" s="225"/>
      <c r="W15" s="225"/>
      <c r="X15" s="225"/>
      <c r="Y15" s="225"/>
      <c r="Z15" s="225"/>
      <c r="AA15" s="225"/>
      <c r="AB15" s="225"/>
      <c r="AC15" s="225"/>
      <c r="AD15" s="225"/>
      <c r="AE15" s="225"/>
      <c r="AF15" s="225"/>
      <c r="AG15" s="225"/>
      <c r="AH15" s="225"/>
      <c r="AI15" s="225"/>
      <c r="AJ15" s="225"/>
      <c r="AK15" s="225"/>
    </row>
    <row r="16" spans="1:37">
      <c r="A16" s="40" t="s">
        <v>539</v>
      </c>
      <c r="B16" s="48">
        <v>244</v>
      </c>
      <c r="C16" s="129">
        <v>5.354153105925521</v>
      </c>
      <c r="D16" s="130">
        <v>0.16276399171118269</v>
      </c>
      <c r="P16" s="225"/>
      <c r="Q16" s="225"/>
      <c r="R16" s="225"/>
      <c r="S16" s="225"/>
      <c r="T16" s="225"/>
      <c r="U16" s="225"/>
      <c r="V16" s="225"/>
      <c r="W16" s="225"/>
      <c r="X16" s="225"/>
      <c r="Y16" s="225"/>
      <c r="Z16" s="225"/>
      <c r="AA16" s="225"/>
      <c r="AB16" s="225"/>
      <c r="AC16" s="225"/>
      <c r="AD16" s="225"/>
      <c r="AE16" s="225"/>
      <c r="AF16" s="225"/>
      <c r="AG16" s="225"/>
      <c r="AH16" s="225"/>
      <c r="AI16" s="225"/>
      <c r="AJ16" s="225"/>
      <c r="AK16" s="225"/>
    </row>
    <row r="17" spans="1:56">
      <c r="A17" s="44" t="s">
        <v>540</v>
      </c>
      <c r="B17" s="44">
        <v>81</v>
      </c>
      <c r="C17" s="132">
        <v>5.1178615737353246</v>
      </c>
      <c r="D17" s="133">
        <v>0.3105241905649892</v>
      </c>
      <c r="P17" s="225"/>
      <c r="Q17" s="225"/>
      <c r="R17" s="225"/>
      <c r="S17" s="225"/>
      <c r="T17" s="225"/>
      <c r="U17" s="225"/>
      <c r="V17" s="225"/>
      <c r="W17" s="225"/>
      <c r="X17" s="225"/>
      <c r="Y17" s="225"/>
      <c r="Z17" s="225"/>
      <c r="AA17" s="225"/>
      <c r="AB17" s="225"/>
      <c r="AC17" s="225"/>
      <c r="AD17" s="225"/>
      <c r="AE17" s="225"/>
      <c r="AF17" s="225"/>
      <c r="AG17" s="225"/>
      <c r="AH17" s="225"/>
      <c r="AI17" s="225"/>
      <c r="AJ17" s="225"/>
      <c r="AK17" s="225"/>
    </row>
    <row r="18" spans="1:56">
      <c r="A18" s="40" t="s">
        <v>541</v>
      </c>
      <c r="B18" s="128">
        <v>92</v>
      </c>
      <c r="C18" s="129">
        <v>5.5028719246760129</v>
      </c>
      <c r="D18" s="130">
        <v>0.25133435764561596</v>
      </c>
      <c r="P18" s="225"/>
      <c r="Q18" s="225"/>
      <c r="R18" s="225"/>
      <c r="S18" s="225"/>
      <c r="T18" s="225"/>
      <c r="U18" s="225"/>
      <c r="V18" s="225"/>
      <c r="W18" s="225"/>
      <c r="X18" s="225"/>
      <c r="Y18" s="225"/>
      <c r="Z18" s="225"/>
      <c r="AA18" s="225"/>
      <c r="AB18" s="225"/>
      <c r="AC18" s="225"/>
      <c r="AD18" s="225"/>
      <c r="AE18" s="225"/>
      <c r="AF18" s="225"/>
      <c r="AG18" s="225"/>
      <c r="AH18" s="225"/>
      <c r="AI18" s="225"/>
      <c r="AJ18" s="225"/>
      <c r="AK18" s="225"/>
    </row>
    <row r="19" spans="1:56">
      <c r="A19" s="44" t="s">
        <v>542</v>
      </c>
      <c r="B19" s="131">
        <v>71</v>
      </c>
      <c r="C19" s="132">
        <v>5.4296524051720469</v>
      </c>
      <c r="D19" s="133">
        <v>0.28083686825950216</v>
      </c>
      <c r="P19" s="225"/>
      <c r="Q19" s="225"/>
      <c r="R19" s="225"/>
      <c r="S19" s="225"/>
      <c r="T19" s="225"/>
      <c r="U19" s="225"/>
      <c r="V19" s="225"/>
      <c r="W19" s="225"/>
      <c r="X19" s="225"/>
      <c r="Y19" s="225"/>
      <c r="Z19" s="225"/>
      <c r="AA19" s="225"/>
      <c r="AB19" s="225"/>
      <c r="AC19" s="225"/>
      <c r="AD19" s="225"/>
      <c r="AE19" s="225"/>
      <c r="AF19" s="225"/>
      <c r="AG19" s="225"/>
      <c r="AH19" s="225"/>
      <c r="AI19" s="225"/>
      <c r="AJ19" s="225"/>
      <c r="AK19" s="225"/>
    </row>
    <row r="20" spans="1:56">
      <c r="A20" s="40" t="s">
        <v>543</v>
      </c>
      <c r="B20" s="78">
        <v>468</v>
      </c>
      <c r="C20" s="79">
        <v>5.5623665866788583</v>
      </c>
      <c r="D20" s="130">
        <v>0.10087604500920765</v>
      </c>
      <c r="P20" s="225"/>
      <c r="Q20" s="225"/>
      <c r="R20" s="225"/>
      <c r="S20" s="225"/>
      <c r="T20" s="225"/>
      <c r="U20" s="225"/>
      <c r="V20" s="225"/>
      <c r="W20" s="225"/>
      <c r="X20" s="225"/>
      <c r="Y20" s="225"/>
      <c r="Z20" s="225"/>
      <c r="AA20" s="225"/>
      <c r="AB20" s="225"/>
      <c r="AC20" s="225"/>
      <c r="AD20" s="225"/>
      <c r="AE20" s="225"/>
      <c r="AF20" s="225"/>
      <c r="AG20" s="225"/>
      <c r="AH20" s="225"/>
      <c r="AI20" s="225"/>
      <c r="AJ20" s="225"/>
      <c r="AK20" s="225"/>
    </row>
    <row r="21" spans="1:56">
      <c r="A21" s="44" t="s">
        <v>616</v>
      </c>
      <c r="B21" s="131">
        <v>243</v>
      </c>
      <c r="C21" s="132">
        <v>5.5061576663339897</v>
      </c>
      <c r="D21" s="133">
        <v>0.15202909877656609</v>
      </c>
      <c r="P21" s="225"/>
      <c r="Q21" s="225"/>
      <c r="R21" s="225"/>
      <c r="S21" s="225"/>
      <c r="T21" s="225"/>
      <c r="U21" s="225"/>
      <c r="V21" s="225"/>
      <c r="W21" s="225"/>
      <c r="X21" s="225"/>
      <c r="Y21" s="225"/>
      <c r="Z21" s="225"/>
      <c r="AA21" s="225"/>
      <c r="AB21" s="225"/>
      <c r="AC21" s="225"/>
      <c r="AD21" s="225"/>
      <c r="AE21" s="225"/>
      <c r="AF21" s="225"/>
      <c r="AG21" s="225"/>
      <c r="AH21" s="225"/>
      <c r="AI21" s="225"/>
      <c r="AJ21" s="225"/>
      <c r="AK21" s="225"/>
    </row>
    <row r="22" spans="1:56">
      <c r="A22" s="52" t="s">
        <v>544</v>
      </c>
      <c r="B22" s="128">
        <v>225</v>
      </c>
      <c r="C22" s="129">
        <v>5.6134496791293174</v>
      </c>
      <c r="D22" s="130">
        <v>0.13015812631301424</v>
      </c>
      <c r="P22" s="225"/>
      <c r="Q22" s="225"/>
      <c r="R22" s="225"/>
      <c r="S22" s="225"/>
      <c r="T22" s="225"/>
      <c r="U22" s="225"/>
      <c r="V22" s="225"/>
      <c r="W22" s="225"/>
      <c r="X22" s="225"/>
      <c r="Y22" s="225"/>
      <c r="Z22" s="225"/>
      <c r="AA22" s="225"/>
      <c r="AB22" s="225"/>
      <c r="AC22" s="225"/>
      <c r="AD22" s="225"/>
      <c r="AE22" s="225"/>
      <c r="AF22" s="225"/>
      <c r="AG22" s="225"/>
      <c r="AH22" s="225"/>
      <c r="AI22" s="225"/>
      <c r="AJ22" s="225"/>
      <c r="AK22" s="225"/>
    </row>
    <row r="23" spans="1:56">
      <c r="A23" s="44" t="s">
        <v>545</v>
      </c>
      <c r="B23" s="131">
        <v>112</v>
      </c>
      <c r="C23" s="132">
        <v>5.682503972733854</v>
      </c>
      <c r="D23" s="133">
        <v>0.20051933908201444</v>
      </c>
      <c r="P23" s="225"/>
      <c r="Q23" s="225"/>
      <c r="R23" s="225"/>
      <c r="S23" s="225"/>
      <c r="T23" s="225"/>
      <c r="U23" s="225"/>
      <c r="V23" s="225"/>
      <c r="W23" s="225"/>
      <c r="X23" s="225"/>
      <c r="Y23" s="225"/>
      <c r="Z23" s="225"/>
      <c r="AA23" s="225"/>
      <c r="AB23" s="225"/>
      <c r="AC23" s="225"/>
      <c r="AD23" s="225"/>
      <c r="AE23" s="225"/>
      <c r="AF23" s="225"/>
      <c r="AG23" s="225"/>
      <c r="AH23" s="225"/>
      <c r="AI23" s="225"/>
      <c r="AJ23" s="225"/>
      <c r="AK23" s="225"/>
    </row>
    <row r="24" spans="1:56">
      <c r="A24" s="52" t="s">
        <v>546</v>
      </c>
      <c r="B24" s="128">
        <v>285</v>
      </c>
      <c r="C24" s="129">
        <v>5.2760800264707308</v>
      </c>
      <c r="D24" s="130">
        <v>0.14823517526156332</v>
      </c>
      <c r="P24" s="225"/>
      <c r="Q24" s="225"/>
      <c r="R24" s="225"/>
      <c r="S24" s="225"/>
      <c r="T24" s="225"/>
      <c r="U24" s="225"/>
      <c r="V24" s="225"/>
      <c r="W24" s="225"/>
      <c r="X24" s="225"/>
      <c r="Y24" s="225"/>
      <c r="Z24" s="225"/>
      <c r="AA24" s="225"/>
      <c r="AB24" s="225"/>
      <c r="AC24" s="225"/>
      <c r="AD24" s="225"/>
      <c r="AE24" s="225"/>
      <c r="AF24" s="225"/>
      <c r="AG24" s="225"/>
      <c r="AH24" s="225"/>
      <c r="AI24" s="225"/>
      <c r="AJ24" s="225"/>
      <c r="AK24" s="225"/>
    </row>
    <row r="25" spans="1:56">
      <c r="A25" s="44" t="s">
        <v>557</v>
      </c>
      <c r="B25" s="131">
        <v>110</v>
      </c>
      <c r="C25" s="132">
        <v>5.1695233948847594</v>
      </c>
      <c r="D25" s="133">
        <v>0.25124165383797786</v>
      </c>
      <c r="P25" s="225"/>
      <c r="Q25" s="225"/>
      <c r="R25" s="225"/>
      <c r="S25" s="225"/>
      <c r="T25" s="225"/>
      <c r="U25" s="225"/>
      <c r="V25" s="225"/>
      <c r="W25" s="225"/>
      <c r="X25" s="225"/>
      <c r="Y25" s="225"/>
      <c r="Z25" s="225"/>
      <c r="AA25" s="225"/>
      <c r="AB25" s="225"/>
      <c r="AC25" s="225"/>
      <c r="AD25" s="225"/>
      <c r="AE25" s="225"/>
      <c r="AF25" s="225"/>
      <c r="AG25" s="225"/>
      <c r="AH25" s="225"/>
      <c r="AI25" s="225"/>
      <c r="AJ25" s="225"/>
      <c r="AK25" s="225"/>
    </row>
    <row r="26" spans="1:56">
      <c r="A26" s="52" t="s">
        <v>558</v>
      </c>
      <c r="B26" s="128">
        <v>113</v>
      </c>
      <c r="C26" s="129">
        <v>5.2717714283873676</v>
      </c>
      <c r="D26" s="130">
        <v>0.23843827371722168</v>
      </c>
      <c r="P26" s="225"/>
      <c r="Q26" s="225"/>
      <c r="R26" s="225"/>
      <c r="S26" s="225"/>
      <c r="T26" s="225"/>
      <c r="U26" s="225"/>
      <c r="V26" s="225"/>
      <c r="W26" s="225"/>
      <c r="X26" s="225"/>
      <c r="Y26" s="225"/>
      <c r="Z26" s="225"/>
      <c r="AA26" s="225"/>
      <c r="AB26" s="225"/>
      <c r="AC26" s="225"/>
      <c r="AD26" s="225"/>
      <c r="AE26" s="225"/>
      <c r="AF26" s="225"/>
      <c r="AG26" s="225"/>
      <c r="AH26" s="225"/>
      <c r="AI26" s="225"/>
      <c r="AJ26" s="225"/>
      <c r="AK26" s="225"/>
    </row>
    <row r="27" spans="1:56">
      <c r="A27" s="44" t="s">
        <v>549</v>
      </c>
      <c r="B27" s="131">
        <v>62</v>
      </c>
      <c r="C27" s="132">
        <v>5.4700532100625319</v>
      </c>
      <c r="D27" s="133">
        <v>0.28020660687298909</v>
      </c>
      <c r="P27" s="225"/>
      <c r="Q27" s="225"/>
      <c r="R27" s="225"/>
      <c r="S27" s="225"/>
      <c r="T27" s="225"/>
      <c r="U27" s="225"/>
      <c r="V27" s="225"/>
      <c r="W27" s="225"/>
      <c r="X27" s="225"/>
      <c r="Y27" s="225"/>
      <c r="Z27" s="225"/>
      <c r="AA27" s="225"/>
      <c r="AB27" s="225"/>
      <c r="AC27" s="225"/>
      <c r="AD27" s="225"/>
      <c r="AE27" s="225"/>
      <c r="AF27" s="225"/>
      <c r="AG27" s="225"/>
      <c r="AH27" s="225"/>
      <c r="AI27" s="225"/>
      <c r="AJ27" s="225"/>
      <c r="AK27" s="225"/>
    </row>
    <row r="28" spans="1:56">
      <c r="A28" s="52" t="s">
        <v>550</v>
      </c>
      <c r="B28" s="128">
        <v>159</v>
      </c>
      <c r="C28" s="129">
        <v>5.3984758300876727</v>
      </c>
      <c r="D28" s="130">
        <v>0.19307536305990458</v>
      </c>
      <c r="P28" s="225"/>
      <c r="Q28" s="225"/>
      <c r="R28" s="225"/>
      <c r="S28" s="225"/>
      <c r="T28" s="225"/>
      <c r="U28" s="225"/>
      <c r="V28" s="225"/>
      <c r="W28" s="225"/>
      <c r="X28" s="225"/>
      <c r="Y28" s="225"/>
      <c r="Z28" s="225"/>
      <c r="AA28" s="225"/>
      <c r="AB28" s="225"/>
      <c r="AC28" s="225"/>
      <c r="AD28" s="225"/>
      <c r="AE28" s="225"/>
      <c r="AF28" s="225"/>
      <c r="AG28" s="225"/>
      <c r="AH28" s="225"/>
      <c r="AI28" s="225"/>
      <c r="AJ28" s="225"/>
      <c r="AK28" s="225"/>
    </row>
    <row r="29" spans="1:56">
      <c r="A29" s="44" t="s">
        <v>551</v>
      </c>
      <c r="B29" s="131">
        <v>666</v>
      </c>
      <c r="C29" s="132">
        <v>5.194856997016795</v>
      </c>
      <c r="D29" s="133">
        <v>9.3504273313049474E-2</v>
      </c>
      <c r="P29" s="225"/>
      <c r="Q29" s="225"/>
      <c r="R29" s="225"/>
      <c r="S29" s="225"/>
      <c r="T29" s="225"/>
      <c r="U29" s="225"/>
      <c r="V29" s="225"/>
      <c r="W29" s="225"/>
      <c r="X29" s="225"/>
      <c r="Y29" s="225"/>
      <c r="Z29" s="225"/>
      <c r="AA29" s="225"/>
      <c r="AB29" s="225"/>
      <c r="AC29" s="225"/>
      <c r="AD29" s="225"/>
      <c r="AE29" s="225"/>
      <c r="AF29" s="225"/>
      <c r="AG29" s="225"/>
      <c r="AH29" s="225"/>
      <c r="AI29" s="225"/>
      <c r="AJ29" s="225"/>
      <c r="AK29" s="225"/>
    </row>
    <row r="30" spans="1:56">
      <c r="P30" s="225"/>
      <c r="Q30" s="225"/>
      <c r="R30" s="225"/>
      <c r="S30" s="225"/>
      <c r="T30" s="225"/>
      <c r="U30" s="225"/>
      <c r="V30" s="225"/>
      <c r="W30" s="225"/>
      <c r="X30" s="225"/>
      <c r="Y30" s="225"/>
      <c r="Z30" s="225"/>
      <c r="AA30" s="225"/>
      <c r="AB30" s="225"/>
      <c r="AC30" s="225"/>
      <c r="AD30" s="225"/>
      <c r="AE30" s="225"/>
      <c r="AF30" s="225"/>
      <c r="AG30" s="225"/>
      <c r="AH30" s="225"/>
      <c r="AI30" s="225"/>
      <c r="AJ30" s="225"/>
      <c r="AK30" s="225"/>
    </row>
    <row r="31" spans="1:56">
      <c r="P31" s="225"/>
      <c r="Q31" s="225"/>
      <c r="R31" s="225"/>
      <c r="S31" s="225"/>
      <c r="T31" s="225"/>
      <c r="U31" s="225"/>
      <c r="V31" s="225"/>
      <c r="W31" s="225"/>
      <c r="X31" s="225"/>
      <c r="Y31" s="225"/>
      <c r="Z31" s="225"/>
      <c r="AA31" s="225"/>
      <c r="AB31" s="225"/>
      <c r="AC31" s="225"/>
      <c r="AD31" s="225"/>
      <c r="AE31" s="225"/>
      <c r="AF31" s="225"/>
      <c r="AG31" s="225"/>
      <c r="AH31" s="225"/>
      <c r="AI31" s="225"/>
      <c r="AJ31" s="225"/>
      <c r="AK31" s="225"/>
    </row>
    <row r="32" spans="1:56" ht="18.75">
      <c r="A32" s="361" t="s">
        <v>499</v>
      </c>
      <c r="B32" s="361"/>
      <c r="C32" s="361"/>
      <c r="D32" s="361"/>
      <c r="E32" s="361"/>
      <c r="F32" s="361"/>
      <c r="G32" s="361"/>
      <c r="H32" s="361"/>
      <c r="I32" s="361"/>
      <c r="J32" s="361"/>
      <c r="K32" s="361"/>
      <c r="L32" s="361"/>
      <c r="M32" s="361"/>
      <c r="N32" s="361"/>
      <c r="O32" s="361"/>
      <c r="P32" s="361"/>
      <c r="Q32" s="361"/>
      <c r="R32" s="361"/>
      <c r="S32" s="361"/>
      <c r="T32" s="361"/>
      <c r="U32" s="361"/>
      <c r="V32" s="361"/>
      <c r="W32" s="361"/>
      <c r="X32" s="361"/>
      <c r="Y32" s="361"/>
      <c r="Z32" s="361"/>
      <c r="AA32" s="361"/>
      <c r="AB32" s="361"/>
      <c r="AC32" s="361"/>
      <c r="AD32" s="361"/>
      <c r="AE32" s="361"/>
      <c r="AF32" s="361"/>
      <c r="AG32" s="361"/>
      <c r="AH32" s="361"/>
      <c r="AI32" s="361"/>
      <c r="AJ32" s="361"/>
      <c r="AK32" s="361"/>
      <c r="AL32" s="361"/>
      <c r="AM32" s="361"/>
      <c r="AN32" s="361"/>
      <c r="AO32" s="361"/>
      <c r="AP32" s="361"/>
      <c r="AQ32" s="361"/>
      <c r="AR32" s="361"/>
      <c r="AS32" s="361"/>
      <c r="AT32" s="361"/>
      <c r="AU32" s="361"/>
      <c r="AV32" s="361"/>
      <c r="AW32" s="361"/>
      <c r="AX32" s="361"/>
      <c r="AY32" s="361"/>
      <c r="AZ32" s="361"/>
      <c r="BA32" s="361"/>
      <c r="BB32" s="361"/>
      <c r="BC32" s="361"/>
      <c r="BD32" s="361"/>
    </row>
    <row r="33" spans="1:56" ht="62.25" customHeight="1">
      <c r="A33" s="360" t="s">
        <v>586</v>
      </c>
      <c r="B33" s="360"/>
      <c r="C33" s="360"/>
      <c r="D33" s="360"/>
      <c r="E33" s="360"/>
      <c r="F33" s="360"/>
      <c r="G33" s="360"/>
      <c r="H33" s="360"/>
      <c r="I33" s="360"/>
      <c r="J33" s="360"/>
      <c r="K33" s="360"/>
      <c r="L33" s="360"/>
      <c r="M33" s="360"/>
      <c r="N33" s="360"/>
      <c r="O33" s="360"/>
      <c r="P33" s="360"/>
      <c r="Q33" s="360"/>
      <c r="R33" s="360"/>
      <c r="S33" s="360"/>
      <c r="T33" s="360"/>
      <c r="U33" s="360"/>
      <c r="V33" s="360"/>
      <c r="W33" s="360"/>
      <c r="X33" s="360"/>
      <c r="Y33" s="360"/>
      <c r="Z33" s="360"/>
      <c r="AA33" s="360"/>
      <c r="AB33" s="360"/>
      <c r="AC33" s="360"/>
      <c r="AD33" s="360"/>
      <c r="AE33" s="360"/>
      <c r="AF33" s="360"/>
      <c r="AG33" s="360"/>
      <c r="AH33" s="360"/>
      <c r="AI33" s="360"/>
      <c r="AJ33" s="360"/>
      <c r="AK33" s="360"/>
      <c r="AL33" s="360"/>
      <c r="AM33" s="360"/>
      <c r="AN33" s="360"/>
      <c r="AO33" s="360"/>
      <c r="AP33" s="360"/>
      <c r="AQ33" s="360"/>
      <c r="AR33" s="360"/>
      <c r="AS33" s="360"/>
      <c r="AT33" s="360"/>
      <c r="AU33" s="360"/>
      <c r="AV33" s="360"/>
      <c r="AW33" s="360"/>
      <c r="AX33" s="360"/>
      <c r="AY33" s="360"/>
      <c r="AZ33" s="360"/>
      <c r="BA33" s="360"/>
      <c r="BB33" s="360"/>
      <c r="BC33" s="360"/>
      <c r="BD33" s="360"/>
    </row>
    <row r="34" spans="1:56" ht="39.75" customHeight="1">
      <c r="A34" s="59"/>
      <c r="B34" s="357" t="s">
        <v>366</v>
      </c>
      <c r="C34" s="358"/>
      <c r="D34" s="358"/>
      <c r="E34" s="358"/>
      <c r="F34" s="358"/>
      <c r="G34" s="358"/>
      <c r="H34" s="358"/>
      <c r="I34" s="358"/>
      <c r="J34" s="358"/>
      <c r="K34" s="358"/>
      <c r="L34" s="359"/>
      <c r="M34" s="355" t="s">
        <v>84</v>
      </c>
      <c r="N34" s="356"/>
      <c r="O34" s="356"/>
      <c r="P34" s="356"/>
      <c r="Q34" s="356"/>
      <c r="R34" s="356"/>
      <c r="S34" s="356"/>
      <c r="T34" s="356"/>
      <c r="U34" s="356"/>
      <c r="V34" s="356"/>
      <c r="W34" s="356"/>
      <c r="X34" s="357" t="s">
        <v>367</v>
      </c>
      <c r="Y34" s="358"/>
      <c r="Z34" s="358"/>
      <c r="AA34" s="358"/>
      <c r="AB34" s="358"/>
      <c r="AC34" s="358"/>
      <c r="AD34" s="358"/>
      <c r="AE34" s="358"/>
      <c r="AF34" s="358"/>
      <c r="AG34" s="358"/>
      <c r="AH34" s="359"/>
      <c r="AI34" s="355" t="s">
        <v>368</v>
      </c>
      <c r="AJ34" s="356"/>
      <c r="AK34" s="356"/>
      <c r="AL34" s="356"/>
      <c r="AM34" s="356"/>
      <c r="AN34" s="356"/>
      <c r="AO34" s="356"/>
      <c r="AP34" s="356"/>
      <c r="AQ34" s="356"/>
      <c r="AR34" s="356"/>
      <c r="AS34" s="356"/>
      <c r="AT34" s="357" t="s">
        <v>369</v>
      </c>
      <c r="AU34" s="358"/>
      <c r="AV34" s="358"/>
      <c r="AW34" s="358"/>
      <c r="AX34" s="358"/>
      <c r="AY34" s="358"/>
      <c r="AZ34" s="358"/>
      <c r="BA34" s="358"/>
      <c r="BB34" s="358"/>
      <c r="BC34" s="358"/>
      <c r="BD34" s="359"/>
    </row>
    <row r="35" spans="1:56" ht="72">
      <c r="A35" s="32" t="s">
        <v>71</v>
      </c>
      <c r="B35" s="33" t="s">
        <v>72</v>
      </c>
      <c r="C35" s="34" t="s">
        <v>592</v>
      </c>
      <c r="D35" s="35" t="s">
        <v>73</v>
      </c>
      <c r="E35" s="33" t="s">
        <v>156</v>
      </c>
      <c r="F35" s="84" t="s">
        <v>85</v>
      </c>
      <c r="G35" s="33" t="s">
        <v>157</v>
      </c>
      <c r="H35" s="84" t="s">
        <v>86</v>
      </c>
      <c r="I35" s="33" t="s">
        <v>158</v>
      </c>
      <c r="J35" s="84" t="s">
        <v>87</v>
      </c>
      <c r="K35" s="33" t="s">
        <v>301</v>
      </c>
      <c r="L35" s="84" t="s">
        <v>300</v>
      </c>
      <c r="M35" s="60" t="s">
        <v>72</v>
      </c>
      <c r="N35" s="60" t="s">
        <v>592</v>
      </c>
      <c r="O35" s="60" t="s">
        <v>73</v>
      </c>
      <c r="P35" s="60" t="s">
        <v>156</v>
      </c>
      <c r="Q35" s="83" t="s">
        <v>85</v>
      </c>
      <c r="R35" s="60" t="s">
        <v>157</v>
      </c>
      <c r="S35" s="83" t="s">
        <v>86</v>
      </c>
      <c r="T35" s="60" t="s">
        <v>158</v>
      </c>
      <c r="U35" s="83" t="s">
        <v>87</v>
      </c>
      <c r="V35" s="60" t="s">
        <v>301</v>
      </c>
      <c r="W35" s="83" t="s">
        <v>300</v>
      </c>
      <c r="X35" s="33" t="s">
        <v>72</v>
      </c>
      <c r="Y35" s="34" t="s">
        <v>592</v>
      </c>
      <c r="Z35" s="35" t="s">
        <v>73</v>
      </c>
      <c r="AA35" s="33" t="s">
        <v>156</v>
      </c>
      <c r="AB35" s="84" t="s">
        <v>85</v>
      </c>
      <c r="AC35" s="33" t="s">
        <v>157</v>
      </c>
      <c r="AD35" s="84" t="s">
        <v>86</v>
      </c>
      <c r="AE35" s="33" t="s">
        <v>158</v>
      </c>
      <c r="AF35" s="84" t="s">
        <v>87</v>
      </c>
      <c r="AG35" s="33" t="s">
        <v>301</v>
      </c>
      <c r="AH35" s="84" t="s">
        <v>300</v>
      </c>
      <c r="AI35" s="60" t="s">
        <v>72</v>
      </c>
      <c r="AJ35" s="60" t="s">
        <v>592</v>
      </c>
      <c r="AK35" s="60" t="s">
        <v>73</v>
      </c>
      <c r="AL35" s="60" t="s">
        <v>156</v>
      </c>
      <c r="AM35" s="83" t="s">
        <v>85</v>
      </c>
      <c r="AN35" s="60" t="s">
        <v>157</v>
      </c>
      <c r="AO35" s="83" t="s">
        <v>86</v>
      </c>
      <c r="AP35" s="60" t="s">
        <v>158</v>
      </c>
      <c r="AQ35" s="83" t="s">
        <v>87</v>
      </c>
      <c r="AR35" s="60" t="s">
        <v>301</v>
      </c>
      <c r="AS35" s="83" t="s">
        <v>300</v>
      </c>
      <c r="AT35" s="33" t="s">
        <v>72</v>
      </c>
      <c r="AU35" s="34" t="s">
        <v>592</v>
      </c>
      <c r="AV35" s="35" t="s">
        <v>73</v>
      </c>
      <c r="AW35" s="33" t="s">
        <v>156</v>
      </c>
      <c r="AX35" s="84" t="s">
        <v>85</v>
      </c>
      <c r="AY35" s="33" t="s">
        <v>157</v>
      </c>
      <c r="AZ35" s="84" t="s">
        <v>86</v>
      </c>
      <c r="BA35" s="33" t="s">
        <v>158</v>
      </c>
      <c r="BB35" s="84" t="s">
        <v>87</v>
      </c>
      <c r="BC35" s="33" t="s">
        <v>301</v>
      </c>
      <c r="BD35" s="84" t="s">
        <v>300</v>
      </c>
    </row>
    <row r="36" spans="1:56" ht="92.25" customHeight="1">
      <c r="A36" s="36"/>
      <c r="B36" s="37" t="s">
        <v>74</v>
      </c>
      <c r="C36" s="38" t="s">
        <v>302</v>
      </c>
      <c r="D36" s="39" t="s">
        <v>76</v>
      </c>
      <c r="E36" s="37" t="s">
        <v>159</v>
      </c>
      <c r="F36" s="86" t="s">
        <v>88</v>
      </c>
      <c r="G36" s="37" t="s">
        <v>160</v>
      </c>
      <c r="H36" s="86" t="s">
        <v>88</v>
      </c>
      <c r="I36" s="37" t="s">
        <v>161</v>
      </c>
      <c r="J36" s="86" t="s">
        <v>88</v>
      </c>
      <c r="K36" s="37" t="s">
        <v>301</v>
      </c>
      <c r="L36" s="86" t="s">
        <v>88</v>
      </c>
      <c r="M36" s="63" t="s">
        <v>74</v>
      </c>
      <c r="N36" s="63" t="s">
        <v>302</v>
      </c>
      <c r="O36" s="63" t="s">
        <v>76</v>
      </c>
      <c r="P36" s="63" t="s">
        <v>159</v>
      </c>
      <c r="Q36" s="85" t="s">
        <v>88</v>
      </c>
      <c r="R36" s="63" t="s">
        <v>160</v>
      </c>
      <c r="S36" s="85" t="s">
        <v>88</v>
      </c>
      <c r="T36" s="63" t="s">
        <v>161</v>
      </c>
      <c r="U36" s="85" t="s">
        <v>88</v>
      </c>
      <c r="V36" s="63" t="s">
        <v>301</v>
      </c>
      <c r="W36" s="85" t="s">
        <v>88</v>
      </c>
      <c r="X36" s="37" t="s">
        <v>74</v>
      </c>
      <c r="Y36" s="38" t="s">
        <v>302</v>
      </c>
      <c r="Z36" s="39" t="s">
        <v>76</v>
      </c>
      <c r="AA36" s="37" t="s">
        <v>159</v>
      </c>
      <c r="AB36" s="86" t="s">
        <v>88</v>
      </c>
      <c r="AC36" s="37" t="s">
        <v>160</v>
      </c>
      <c r="AD36" s="86" t="s">
        <v>88</v>
      </c>
      <c r="AE36" s="37" t="s">
        <v>161</v>
      </c>
      <c r="AF36" s="86" t="s">
        <v>88</v>
      </c>
      <c r="AG36" s="37" t="s">
        <v>301</v>
      </c>
      <c r="AH36" s="86" t="s">
        <v>88</v>
      </c>
      <c r="AI36" s="63" t="s">
        <v>74</v>
      </c>
      <c r="AJ36" s="63" t="s">
        <v>302</v>
      </c>
      <c r="AK36" s="63" t="s">
        <v>76</v>
      </c>
      <c r="AL36" s="63" t="s">
        <v>159</v>
      </c>
      <c r="AM36" s="85" t="s">
        <v>88</v>
      </c>
      <c r="AN36" s="63" t="s">
        <v>160</v>
      </c>
      <c r="AO36" s="85" t="s">
        <v>88</v>
      </c>
      <c r="AP36" s="63" t="s">
        <v>161</v>
      </c>
      <c r="AQ36" s="85" t="s">
        <v>88</v>
      </c>
      <c r="AR36" s="63" t="s">
        <v>301</v>
      </c>
      <c r="AS36" s="85" t="s">
        <v>88</v>
      </c>
      <c r="AT36" s="37" t="s">
        <v>74</v>
      </c>
      <c r="AU36" s="38" t="s">
        <v>302</v>
      </c>
      <c r="AV36" s="39" t="s">
        <v>76</v>
      </c>
      <c r="AW36" s="37" t="s">
        <v>159</v>
      </c>
      <c r="AX36" s="86" t="s">
        <v>88</v>
      </c>
      <c r="AY36" s="37" t="s">
        <v>160</v>
      </c>
      <c r="AZ36" s="86" t="s">
        <v>88</v>
      </c>
      <c r="BA36" s="37" t="s">
        <v>161</v>
      </c>
      <c r="BB36" s="86" t="s">
        <v>88</v>
      </c>
      <c r="BC36" s="37" t="s">
        <v>301</v>
      </c>
      <c r="BD36" s="86" t="s">
        <v>88</v>
      </c>
    </row>
    <row r="37" spans="1:56">
      <c r="A37" s="40" t="s">
        <v>350</v>
      </c>
      <c r="B37" s="95">
        <v>14077</v>
      </c>
      <c r="C37" s="96">
        <v>5.6717195030164307</v>
      </c>
      <c r="D37" s="97">
        <v>2.2006655167935329E-2</v>
      </c>
      <c r="E37" s="88">
        <v>6.7939177629308845E-2</v>
      </c>
      <c r="F37" s="89">
        <v>4.2448158483552227E-3</v>
      </c>
      <c r="G37" s="88">
        <v>9.8358568809517877E-2</v>
      </c>
      <c r="H37" s="89">
        <v>5.0218130243042756E-3</v>
      </c>
      <c r="I37" s="88">
        <v>0.8257634858875279</v>
      </c>
      <c r="J37" s="89">
        <v>6.3944270113314647E-3</v>
      </c>
      <c r="K37" s="88">
        <v>7.9387676736491011E-3</v>
      </c>
      <c r="L37" s="89">
        <v>1.5087543635825945E-3</v>
      </c>
      <c r="M37" s="87">
        <v>13888</v>
      </c>
      <c r="N37" s="96">
        <v>4.7609655299294502</v>
      </c>
      <c r="O37" s="97">
        <v>2.4780577644294373E-2</v>
      </c>
      <c r="P37" s="88">
        <v>0.16101703319469568</v>
      </c>
      <c r="Q37" s="89">
        <v>6.2383023087637032E-3</v>
      </c>
      <c r="R37" s="88">
        <v>0.20081184660958318</v>
      </c>
      <c r="S37" s="89">
        <v>6.7988665767560385E-3</v>
      </c>
      <c r="T37" s="88">
        <v>0.55179722526924591</v>
      </c>
      <c r="U37" s="89">
        <v>8.4387086173694625E-3</v>
      </c>
      <c r="V37" s="88">
        <v>8.6373894926489211E-2</v>
      </c>
      <c r="W37" s="89">
        <v>4.7697323725509047E-3</v>
      </c>
      <c r="X37" s="95">
        <v>13988</v>
      </c>
      <c r="Y37" s="96">
        <v>5.4647883414652423</v>
      </c>
      <c r="Z37" s="97">
        <v>2.3873255796919322E-2</v>
      </c>
      <c r="AA37" s="88">
        <v>9.493294388461665E-2</v>
      </c>
      <c r="AB37" s="89">
        <v>4.9587918774402833E-3</v>
      </c>
      <c r="AC37" s="88">
        <v>0.13882229336557911</v>
      </c>
      <c r="AD37" s="89">
        <v>5.8479211209676108E-3</v>
      </c>
      <c r="AE37" s="88">
        <v>0.75480760630495358</v>
      </c>
      <c r="AF37" s="89">
        <v>7.2745355965066223E-3</v>
      </c>
      <c r="AG37" s="88">
        <v>1.1437156444856489E-2</v>
      </c>
      <c r="AH37" s="89">
        <v>1.8086573734438583E-3</v>
      </c>
      <c r="AI37" s="87">
        <v>13944</v>
      </c>
      <c r="AJ37" s="96">
        <v>5.3636066188661893</v>
      </c>
      <c r="AK37" s="97">
        <v>2.4887361890588471E-2</v>
      </c>
      <c r="AL37" s="88">
        <v>9.8959852403268211E-2</v>
      </c>
      <c r="AM37" s="89">
        <v>5.0594128305096559E-3</v>
      </c>
      <c r="AN37" s="88">
        <v>0.13544595495136738</v>
      </c>
      <c r="AO37" s="89">
        <v>5.796881252894309E-3</v>
      </c>
      <c r="AP37" s="88">
        <v>0.73981757192299402</v>
      </c>
      <c r="AQ37" s="89">
        <v>7.4304058022558496E-3</v>
      </c>
      <c r="AR37" s="88">
        <v>2.5776620722375066E-2</v>
      </c>
      <c r="AS37" s="89">
        <v>2.6904729721280692E-3</v>
      </c>
      <c r="AT37" s="95">
        <v>13946</v>
      </c>
      <c r="AU37" s="96">
        <v>5.2427828296385561</v>
      </c>
      <c r="AV37" s="97">
        <v>2.4062594200143159E-2</v>
      </c>
      <c r="AW37" s="88">
        <v>0.11644986583040216</v>
      </c>
      <c r="AX37" s="89">
        <v>5.4338286480597135E-3</v>
      </c>
      <c r="AY37" s="88">
        <v>0.16078765872578515</v>
      </c>
      <c r="AZ37" s="89">
        <v>6.2217324091287576E-3</v>
      </c>
      <c r="BA37" s="88">
        <v>0.70942705138245044</v>
      </c>
      <c r="BB37" s="89">
        <v>7.6886633308146631E-3</v>
      </c>
      <c r="BC37" s="88">
        <v>1.3335424061372461E-2</v>
      </c>
      <c r="BD37" s="89">
        <v>1.95236422490348E-3</v>
      </c>
    </row>
    <row r="38" spans="1:56">
      <c r="A38" s="44" t="s">
        <v>351</v>
      </c>
      <c r="B38" s="99">
        <v>10234</v>
      </c>
      <c r="C38" s="100">
        <v>5.8006953589647354</v>
      </c>
      <c r="D38" s="101">
        <v>2.5271619982050172E-2</v>
      </c>
      <c r="E38" s="91">
        <v>5.9659676196670029E-2</v>
      </c>
      <c r="F38" s="92">
        <v>4.6880363081661094E-3</v>
      </c>
      <c r="G38" s="91">
        <v>8.7849764391385393E-2</v>
      </c>
      <c r="H38" s="92">
        <v>5.5999641570346195E-3</v>
      </c>
      <c r="I38" s="91">
        <v>0.84853044784628484</v>
      </c>
      <c r="J38" s="92">
        <v>7.0889040262602544E-3</v>
      </c>
      <c r="K38" s="91">
        <v>3.9601115656494072E-3</v>
      </c>
      <c r="L38" s="92">
        <v>1.2712979478293133E-3</v>
      </c>
      <c r="M38" s="90">
        <v>10171</v>
      </c>
      <c r="N38" s="100">
        <v>4.9518092136617637</v>
      </c>
      <c r="O38" s="101">
        <v>2.8316101659227592E-2</v>
      </c>
      <c r="P38" s="91">
        <v>0.13800811947648678</v>
      </c>
      <c r="Q38" s="92">
        <v>6.8415520660949705E-3</v>
      </c>
      <c r="R38" s="91">
        <v>0.17956461148555583</v>
      </c>
      <c r="S38" s="92">
        <v>7.6122719028059805E-3</v>
      </c>
      <c r="T38" s="91">
        <v>0.61278144913559662</v>
      </c>
      <c r="U38" s="92">
        <v>9.6583473281565656E-3</v>
      </c>
      <c r="V38" s="91">
        <v>6.9645819902353454E-2</v>
      </c>
      <c r="W38" s="92">
        <v>5.0526803767661395E-3</v>
      </c>
      <c r="X38" s="99">
        <v>10172</v>
      </c>
      <c r="Y38" s="100">
        <v>5.5869534231471416</v>
      </c>
      <c r="Z38" s="101">
        <v>2.764728689001332E-2</v>
      </c>
      <c r="AA38" s="91">
        <v>9.1978480837174081E-2</v>
      </c>
      <c r="AB38" s="92">
        <v>5.7341967651713087E-3</v>
      </c>
      <c r="AC38" s="91">
        <v>0.1198177965089597</v>
      </c>
      <c r="AD38" s="92">
        <v>6.4420219270535962E-3</v>
      </c>
      <c r="AE38" s="91">
        <v>0.78034738616704957</v>
      </c>
      <c r="AF38" s="92">
        <v>8.2097866696426124E-3</v>
      </c>
      <c r="AG38" s="91">
        <v>7.8563364868076968E-3</v>
      </c>
      <c r="AH38" s="92">
        <v>1.7716528897605086E-3</v>
      </c>
      <c r="AI38" s="90">
        <v>10132</v>
      </c>
      <c r="AJ38" s="100">
        <v>5.3689438075203624</v>
      </c>
      <c r="AK38" s="101">
        <v>2.9776632696467912E-2</v>
      </c>
      <c r="AL38" s="91">
        <v>0.10558743794912794</v>
      </c>
      <c r="AM38" s="92">
        <v>6.1087709107046752E-3</v>
      </c>
      <c r="AN38" s="91">
        <v>0.13562741111890766</v>
      </c>
      <c r="AO38" s="92">
        <v>6.8047926543176093E-3</v>
      </c>
      <c r="AP38" s="91">
        <v>0.73746734649363577</v>
      </c>
      <c r="AQ38" s="92">
        <v>8.7419769929064986E-3</v>
      </c>
      <c r="AR38" s="91">
        <v>2.1317804438321323E-2</v>
      </c>
      <c r="AS38" s="92">
        <v>2.8817917428090381E-3</v>
      </c>
      <c r="AT38" s="99">
        <v>10137</v>
      </c>
      <c r="AU38" s="100">
        <v>5.3929460011779753</v>
      </c>
      <c r="AV38" s="101">
        <v>2.7648857802395448E-2</v>
      </c>
      <c r="AW38" s="91">
        <v>0.10402958928087169</v>
      </c>
      <c r="AX38" s="92">
        <v>6.0674023478873556E-3</v>
      </c>
      <c r="AY38" s="91">
        <v>0.13741601575282386</v>
      </c>
      <c r="AZ38" s="92">
        <v>6.8406733060973873E-3</v>
      </c>
      <c r="BA38" s="91">
        <v>0.74984691661001823</v>
      </c>
      <c r="BB38" s="92">
        <v>8.6027208045495827E-3</v>
      </c>
      <c r="BC38" s="91">
        <v>8.70747835627869E-3</v>
      </c>
      <c r="BD38" s="92">
        <v>1.86540820302059E-3</v>
      </c>
    </row>
    <row r="39" spans="1:56">
      <c r="A39" s="40" t="s">
        <v>352</v>
      </c>
      <c r="B39" s="95">
        <v>3843</v>
      </c>
      <c r="C39" s="96">
        <v>5.5695685726458244</v>
      </c>
      <c r="D39" s="97">
        <v>4.3671051724268904E-2</v>
      </c>
      <c r="E39" s="88">
        <v>7.4449882927680469E-2</v>
      </c>
      <c r="F39" s="89">
        <v>8.4875781931290414E-3</v>
      </c>
      <c r="G39" s="88">
        <v>0.10662231864534301</v>
      </c>
      <c r="H39" s="89">
        <v>9.9687910920710637E-3</v>
      </c>
      <c r="I39" s="88">
        <v>0.80786035717153071</v>
      </c>
      <c r="J39" s="89">
        <v>1.2712206754343047E-2</v>
      </c>
      <c r="K39" s="88">
        <v>1.1067441255447584E-2</v>
      </c>
      <c r="L39" s="89">
        <v>3.4491847089210535E-3</v>
      </c>
      <c r="M39" s="87">
        <v>3717</v>
      </c>
      <c r="N39" s="96">
        <v>4.601883811526486</v>
      </c>
      <c r="O39" s="97">
        <v>4.8929803325579023E-2</v>
      </c>
      <c r="P39" s="88">
        <v>0.17957361283544582</v>
      </c>
      <c r="Q39" s="89">
        <v>1.2594071914070342E-2</v>
      </c>
      <c r="R39" s="88">
        <v>0.21794764083061524</v>
      </c>
      <c r="S39" s="89">
        <v>1.3542905101077555E-2</v>
      </c>
      <c r="T39" s="88">
        <v>0.50261373834476852</v>
      </c>
      <c r="U39" s="89">
        <v>1.6393219114925386E-2</v>
      </c>
      <c r="V39" s="88">
        <v>9.9865007989171237E-2</v>
      </c>
      <c r="W39" s="89">
        <v>9.8489548838999168E-3</v>
      </c>
      <c r="X39" s="95">
        <v>3816</v>
      </c>
      <c r="Y39" s="96">
        <v>5.3680021337149011</v>
      </c>
      <c r="Z39" s="97">
        <v>4.6310427609142078E-2</v>
      </c>
      <c r="AA39" s="88">
        <v>9.7258541741567991E-2</v>
      </c>
      <c r="AB39" s="89">
        <v>9.6068707549487944E-3</v>
      </c>
      <c r="AC39" s="88">
        <v>0.15378163333786277</v>
      </c>
      <c r="AD39" s="89">
        <v>1.1684497352447126E-2</v>
      </c>
      <c r="AE39" s="88">
        <v>0.73470403541554274</v>
      </c>
      <c r="AF39" s="89">
        <v>1.4290527697099509E-2</v>
      </c>
      <c r="AG39" s="88">
        <v>1.4255789505028236E-2</v>
      </c>
      <c r="AH39" s="89">
        <v>3.902802593986324E-3</v>
      </c>
      <c r="AI39" s="87">
        <v>3812</v>
      </c>
      <c r="AJ39" s="96">
        <v>5.3593951931661827</v>
      </c>
      <c r="AK39" s="97">
        <v>4.4941211060316094E-2</v>
      </c>
      <c r="AL39" s="88">
        <v>9.3772684357470021E-2</v>
      </c>
      <c r="AM39" s="89">
        <v>9.4572380803216761E-3</v>
      </c>
      <c r="AN39" s="88">
        <v>0.13530393586651437</v>
      </c>
      <c r="AO39" s="89">
        <v>1.108739190888117E-2</v>
      </c>
      <c r="AP39" s="88">
        <v>0.74165700713861027</v>
      </c>
      <c r="AQ39" s="89">
        <v>1.4176347215489897E-2</v>
      </c>
      <c r="AR39" s="88">
        <v>2.9266372637407598E-2</v>
      </c>
      <c r="AS39" s="89">
        <v>5.5014919047469413E-3</v>
      </c>
      <c r="AT39" s="95">
        <v>3809</v>
      </c>
      <c r="AU39" s="96">
        <v>5.1237387333291071</v>
      </c>
      <c r="AV39" s="97">
        <v>4.7389960806706481E-2</v>
      </c>
      <c r="AW39" s="88">
        <v>0.12621411834361967</v>
      </c>
      <c r="AX39" s="89">
        <v>1.0770334328048033E-2</v>
      </c>
      <c r="AY39" s="88">
        <v>0.17916137389442194</v>
      </c>
      <c r="AZ39" s="89">
        <v>1.2429858142465144E-2</v>
      </c>
      <c r="BA39" s="88">
        <v>0.67765080477001594</v>
      </c>
      <c r="BB39" s="89">
        <v>1.5140096599956869E-2</v>
      </c>
      <c r="BC39" s="88">
        <v>1.6973702991942313E-2</v>
      </c>
      <c r="BD39" s="89">
        <v>4.2446619666232479E-3</v>
      </c>
    </row>
    <row r="40" spans="1:56">
      <c r="A40" s="44" t="s">
        <v>555</v>
      </c>
      <c r="B40" s="99">
        <v>3631</v>
      </c>
      <c r="C40" s="100">
        <v>5.6857345371566446</v>
      </c>
      <c r="D40" s="101">
        <v>4.3461484668213771E-2</v>
      </c>
      <c r="E40" s="91">
        <v>6.4422909988741256E-2</v>
      </c>
      <c r="F40" s="92">
        <v>8.1721455166755014E-3</v>
      </c>
      <c r="G40" s="91">
        <v>0.10428312536039021</v>
      </c>
      <c r="H40" s="92">
        <v>1.0157093281881191E-2</v>
      </c>
      <c r="I40" s="91">
        <v>0.82623454448106104</v>
      </c>
      <c r="J40" s="92">
        <v>1.2579546058469117E-2</v>
      </c>
      <c r="K40" s="91">
        <v>5.0594201698127093E-3</v>
      </c>
      <c r="L40" s="92">
        <v>2.4763316636268696E-3</v>
      </c>
      <c r="M40" s="90">
        <v>3604</v>
      </c>
      <c r="N40" s="100">
        <v>4.8083551459704319</v>
      </c>
      <c r="O40" s="101">
        <v>4.8035899014414615E-2</v>
      </c>
      <c r="P40" s="91">
        <v>0.15858262816947241</v>
      </c>
      <c r="Q40" s="92">
        <v>1.2174475122364296E-2</v>
      </c>
      <c r="R40" s="91">
        <v>0.18722697015620796</v>
      </c>
      <c r="S40" s="92">
        <v>1.2997945548091463E-2</v>
      </c>
      <c r="T40" s="91">
        <v>0.57411238854652236</v>
      </c>
      <c r="U40" s="92">
        <v>1.6464687938849996E-2</v>
      </c>
      <c r="V40" s="91">
        <v>8.0078013127807879E-2</v>
      </c>
      <c r="W40" s="92">
        <v>9.0610331210441639E-3</v>
      </c>
      <c r="X40" s="99">
        <v>3616</v>
      </c>
      <c r="Y40" s="100">
        <v>5.4772283500165679</v>
      </c>
      <c r="Z40" s="101">
        <v>4.7137388006047588E-2</v>
      </c>
      <c r="AA40" s="91">
        <v>9.3725307741595945E-2</v>
      </c>
      <c r="AB40" s="92">
        <v>9.7087671519248651E-3</v>
      </c>
      <c r="AC40" s="91">
        <v>0.14545969331427946</v>
      </c>
      <c r="AD40" s="92">
        <v>1.173269525910807E-2</v>
      </c>
      <c r="AE40" s="91">
        <v>0.75369808490911216</v>
      </c>
      <c r="AF40" s="92">
        <v>1.4327635899740305E-2</v>
      </c>
      <c r="AG40" s="91">
        <v>7.1169140350194251E-3</v>
      </c>
      <c r="AH40" s="92">
        <v>2.8984349162268375E-3</v>
      </c>
      <c r="AI40" s="90">
        <v>3598</v>
      </c>
      <c r="AJ40" s="100">
        <v>5.3488889744277168</v>
      </c>
      <c r="AK40" s="101">
        <v>5.0474976055626675E-2</v>
      </c>
      <c r="AL40" s="91">
        <v>0.10421059256677348</v>
      </c>
      <c r="AM40" s="92">
        <v>1.0200568728801197E-2</v>
      </c>
      <c r="AN40" s="91">
        <v>0.13638355994534224</v>
      </c>
      <c r="AO40" s="92">
        <v>1.1450910299898453E-2</v>
      </c>
      <c r="AP40" s="91">
        <v>0.73581326387780377</v>
      </c>
      <c r="AQ40" s="92">
        <v>1.4697223332025295E-2</v>
      </c>
      <c r="AR40" s="91">
        <v>2.3592583610087408E-2</v>
      </c>
      <c r="AS40" s="92">
        <v>5.1128061201722854E-3</v>
      </c>
      <c r="AT40" s="99">
        <v>3603</v>
      </c>
      <c r="AU40" s="100">
        <v>5.2595716081418677</v>
      </c>
      <c r="AV40" s="101">
        <v>4.6791935218500447E-2</v>
      </c>
      <c r="AW40" s="91">
        <v>0.11206221546123141</v>
      </c>
      <c r="AX40" s="92">
        <v>1.0522152489084677E-2</v>
      </c>
      <c r="AY40" s="91">
        <v>0.17601595610884815</v>
      </c>
      <c r="AZ40" s="92">
        <v>1.2692302964892833E-2</v>
      </c>
      <c r="BA40" s="91">
        <v>0.70450499387713605</v>
      </c>
      <c r="BB40" s="92">
        <v>1.5197449704777042E-2</v>
      </c>
      <c r="BC40" s="91">
        <v>7.4168345527917913E-3</v>
      </c>
      <c r="BD40" s="92">
        <v>2.9597945868191761E-3</v>
      </c>
    </row>
    <row r="41" spans="1:56">
      <c r="A41" s="40" t="s">
        <v>556</v>
      </c>
      <c r="B41" s="95">
        <v>2967</v>
      </c>
      <c r="C41" s="96">
        <v>5.9073435355905186</v>
      </c>
      <c r="D41" s="97">
        <v>4.7496602565426392E-2</v>
      </c>
      <c r="E41" s="88">
        <v>5.123830313360514E-2</v>
      </c>
      <c r="F41" s="89">
        <v>8.1350804252298993E-3</v>
      </c>
      <c r="G41" s="88">
        <v>7.7293036169531273E-2</v>
      </c>
      <c r="H41" s="89">
        <v>9.8319527276672682E-3</v>
      </c>
      <c r="I41" s="88">
        <v>0.87010399029363039</v>
      </c>
      <c r="J41" s="89">
        <v>1.2355751356980187E-2</v>
      </c>
      <c r="K41" s="88">
        <v>1.3646704032321297E-3</v>
      </c>
      <c r="L41" s="89">
        <v>1.6539628461988028E-3</v>
      </c>
      <c r="M41" s="87">
        <v>2954</v>
      </c>
      <c r="N41" s="96">
        <v>4.9714986124797855</v>
      </c>
      <c r="O41" s="97">
        <v>5.2017025766217348E-2</v>
      </c>
      <c r="P41" s="88">
        <v>0.13125062722218961</v>
      </c>
      <c r="Q41" s="89">
        <v>1.2437342780668959E-2</v>
      </c>
      <c r="R41" s="88">
        <v>0.18355586592491155</v>
      </c>
      <c r="S41" s="89">
        <v>1.4248530528314455E-2</v>
      </c>
      <c r="T41" s="88">
        <v>0.62624189815281606</v>
      </c>
      <c r="U41" s="89">
        <v>1.7792510680276912E-2</v>
      </c>
      <c r="V41" s="88">
        <v>5.8951608700079976E-2</v>
      </c>
      <c r="W41" s="89">
        <v>8.7022768679361606E-3</v>
      </c>
      <c r="X41" s="95">
        <v>2957</v>
      </c>
      <c r="Y41" s="96">
        <v>5.68538549356124</v>
      </c>
      <c r="Z41" s="97">
        <v>5.1519225849517972E-2</v>
      </c>
      <c r="AA41" s="88">
        <v>8.0105016846452243E-2</v>
      </c>
      <c r="AB41" s="89">
        <v>1.0009400431740784E-2</v>
      </c>
      <c r="AC41" s="88">
        <v>0.10625353756442549</v>
      </c>
      <c r="AD41" s="89">
        <v>1.1351277042724109E-2</v>
      </c>
      <c r="AE41" s="88">
        <v>0.81049822730191978</v>
      </c>
      <c r="AF41" s="89">
        <v>1.4416544221068911E-2</v>
      </c>
      <c r="AG41" s="88">
        <v>3.1432182872009719E-3</v>
      </c>
      <c r="AH41" s="89">
        <v>2.2656621578951482E-3</v>
      </c>
      <c r="AI41" s="87">
        <v>2938</v>
      </c>
      <c r="AJ41" s="96">
        <v>5.45398406479136</v>
      </c>
      <c r="AK41" s="97">
        <v>5.6518656002963144E-2</v>
      </c>
      <c r="AL41" s="88">
        <v>9.8640171743986899E-2</v>
      </c>
      <c r="AM41" s="89">
        <v>1.1021765244208238E-2</v>
      </c>
      <c r="AN41" s="88">
        <v>0.11888494819705757</v>
      </c>
      <c r="AO41" s="89">
        <v>1.195652756785591E-2</v>
      </c>
      <c r="AP41" s="88">
        <v>0.76419384976225335</v>
      </c>
      <c r="AQ41" s="89">
        <v>1.5660889691840821E-2</v>
      </c>
      <c r="AR41" s="88">
        <v>1.8281030296700737E-2</v>
      </c>
      <c r="AS41" s="89">
        <v>5.0257546340416754E-3</v>
      </c>
      <c r="AT41" s="95">
        <v>2942</v>
      </c>
      <c r="AU41" s="96">
        <v>5.4598875289574638</v>
      </c>
      <c r="AV41" s="97">
        <v>5.0860861218537085E-2</v>
      </c>
      <c r="AW41" s="88">
        <v>8.7852457436525547E-2</v>
      </c>
      <c r="AX41" s="89">
        <v>1.0460890726950282E-2</v>
      </c>
      <c r="AY41" s="88">
        <v>0.1444532850412594</v>
      </c>
      <c r="AZ41" s="89">
        <v>1.2971826072798766E-2</v>
      </c>
      <c r="BA41" s="88">
        <v>0.76535086222468396</v>
      </c>
      <c r="BB41" s="89">
        <v>1.5623714922752161E-2</v>
      </c>
      <c r="BC41" s="88">
        <v>2.3433952975288603E-3</v>
      </c>
      <c r="BD41" s="89">
        <v>2.0216026653771218E-3</v>
      </c>
    </row>
    <row r="42" spans="1:56">
      <c r="A42" s="44" t="s">
        <v>536</v>
      </c>
      <c r="B42" s="99">
        <v>330</v>
      </c>
      <c r="C42" s="100">
        <v>5.7500680361166774</v>
      </c>
      <c r="D42" s="101">
        <v>0.15670292210068332</v>
      </c>
      <c r="E42" s="91">
        <v>9.2612825856393133E-2</v>
      </c>
      <c r="F42" s="92">
        <v>3.2461322879501403E-2</v>
      </c>
      <c r="G42" s="91">
        <v>7.2658278033586182E-2</v>
      </c>
      <c r="H42" s="92">
        <v>2.9308806906878877E-2</v>
      </c>
      <c r="I42" s="91">
        <v>0.83472889611002077</v>
      </c>
      <c r="J42" s="92">
        <v>4.1038053213048091E-2</v>
      </c>
      <c r="K42" s="91">
        <v>0</v>
      </c>
      <c r="L42" s="92">
        <v>8.4429522898215419E-3</v>
      </c>
      <c r="M42" s="90">
        <v>327</v>
      </c>
      <c r="N42" s="100">
        <v>4.9184707920372981</v>
      </c>
      <c r="O42" s="101">
        <v>0.15372260762162149</v>
      </c>
      <c r="P42" s="91">
        <v>0.14360476650279536</v>
      </c>
      <c r="Q42" s="92">
        <v>3.9026491754616609E-2</v>
      </c>
      <c r="R42" s="91">
        <v>0.1894138878028869</v>
      </c>
      <c r="S42" s="92">
        <v>4.3398473993109948E-2</v>
      </c>
      <c r="T42" s="91">
        <v>0.63837415601172365</v>
      </c>
      <c r="U42" s="92">
        <v>5.2870768046691226E-2</v>
      </c>
      <c r="V42" s="91">
        <v>2.8607189682594809E-2</v>
      </c>
      <c r="W42" s="92">
        <v>2.0008164570643187E-2</v>
      </c>
      <c r="X42" s="99">
        <v>329</v>
      </c>
      <c r="Y42" s="100">
        <v>5.6090221151722988</v>
      </c>
      <c r="Z42" s="101">
        <v>0.16199685179072229</v>
      </c>
      <c r="AA42" s="91">
        <v>9.5308116469497647E-2</v>
      </c>
      <c r="AB42" s="92">
        <v>3.2904520264643196E-2</v>
      </c>
      <c r="AC42" s="91">
        <v>0.12803195424366454</v>
      </c>
      <c r="AD42" s="92">
        <v>3.7157853126188148E-2</v>
      </c>
      <c r="AE42" s="91">
        <v>0.76923517894318816</v>
      </c>
      <c r="AF42" s="92">
        <v>4.6401227422571106E-2</v>
      </c>
      <c r="AG42" s="91">
        <v>7.4247503436500727E-3</v>
      </c>
      <c r="AH42" s="92">
        <v>1.2574617010997874E-2</v>
      </c>
      <c r="AI42" s="90">
        <v>327</v>
      </c>
      <c r="AJ42" s="100">
        <v>5.3018565440270704</v>
      </c>
      <c r="AK42" s="101">
        <v>0.17299354554592095</v>
      </c>
      <c r="AL42" s="91">
        <v>0.12553520945047081</v>
      </c>
      <c r="AM42" s="92">
        <v>3.6977128473517765E-2</v>
      </c>
      <c r="AN42" s="91">
        <v>0.12915170872676118</v>
      </c>
      <c r="AO42" s="92">
        <v>3.7404526786098312E-2</v>
      </c>
      <c r="AP42" s="91">
        <v>0.73137665913955419</v>
      </c>
      <c r="AQ42" s="92">
        <v>4.8884959546488159E-2</v>
      </c>
      <c r="AR42" s="91">
        <v>1.3936422683214369E-2</v>
      </c>
      <c r="AS42" s="92">
        <v>1.5318513442478107E-2</v>
      </c>
      <c r="AT42" s="99">
        <v>328</v>
      </c>
      <c r="AU42" s="100">
        <v>5.3769741095044239</v>
      </c>
      <c r="AV42" s="101">
        <v>0.15533666504120949</v>
      </c>
      <c r="AW42" s="91">
        <v>0.12049682667841961</v>
      </c>
      <c r="AX42" s="92">
        <v>3.6309722015936775E-2</v>
      </c>
      <c r="AY42" s="91">
        <v>0.1044229789945459</v>
      </c>
      <c r="AZ42" s="92">
        <v>3.4232855464733106E-2</v>
      </c>
      <c r="BA42" s="91">
        <v>0.7749330361439738</v>
      </c>
      <c r="BB42" s="92">
        <v>4.6077757110611343E-2</v>
      </c>
      <c r="BC42" s="91">
        <v>1.4715818306109226E-4</v>
      </c>
      <c r="BD42" s="92">
        <v>8.5949123894264942E-3</v>
      </c>
    </row>
    <row r="43" spans="1:56">
      <c r="A43" s="40" t="s">
        <v>537</v>
      </c>
      <c r="B43" s="95">
        <v>164</v>
      </c>
      <c r="C43" s="96">
        <v>5.8533104889676171</v>
      </c>
      <c r="D43" s="97">
        <v>0.20774278408337471</v>
      </c>
      <c r="E43" s="88">
        <v>8.7264503444934596E-2</v>
      </c>
      <c r="F43" s="89">
        <v>4.5686502152954112E-2</v>
      </c>
      <c r="G43" s="88">
        <v>4.2920957414288689E-2</v>
      </c>
      <c r="H43" s="89">
        <v>3.4815480873027285E-2</v>
      </c>
      <c r="I43" s="88">
        <v>0.86981453914077689</v>
      </c>
      <c r="J43" s="89">
        <v>5.3379189515829095E-2</v>
      </c>
      <c r="K43" s="88">
        <v>0</v>
      </c>
      <c r="L43" s="89">
        <v>1.6735362153203526E-2</v>
      </c>
      <c r="M43" s="87">
        <v>160</v>
      </c>
      <c r="N43" s="96">
        <v>5.0192482745571789</v>
      </c>
      <c r="O43" s="97">
        <v>0.19470178327426482</v>
      </c>
      <c r="P43" s="88">
        <v>0.11016709397618092</v>
      </c>
      <c r="Q43" s="89">
        <v>5.0691091456871208E-2</v>
      </c>
      <c r="R43" s="88">
        <v>0.16910792538041683</v>
      </c>
      <c r="S43" s="89">
        <v>5.9630213277491941E-2</v>
      </c>
      <c r="T43" s="88">
        <v>0.69047480135763395</v>
      </c>
      <c r="U43" s="89">
        <v>7.2493490889003906E-2</v>
      </c>
      <c r="V43" s="88">
        <v>3.0250179285767818E-2</v>
      </c>
      <c r="W43" s="89">
        <v>3.122224703181508E-2</v>
      </c>
      <c r="X43" s="95">
        <v>163</v>
      </c>
      <c r="Y43" s="96">
        <v>5.6762771112250343</v>
      </c>
      <c r="Z43" s="97">
        <v>0.21208453108163428</v>
      </c>
      <c r="AA43" s="88">
        <v>8.2383139990151177E-2</v>
      </c>
      <c r="AB43" s="89">
        <v>4.4815196658400204E-2</v>
      </c>
      <c r="AC43" s="88">
        <v>0.11984247822822303</v>
      </c>
      <c r="AD43" s="89">
        <v>5.1868199764434526E-2</v>
      </c>
      <c r="AE43" s="88">
        <v>0.79777438178162574</v>
      </c>
      <c r="AF43" s="89">
        <v>6.2966047732916877E-2</v>
      </c>
      <c r="AG43" s="88">
        <v>0</v>
      </c>
      <c r="AH43" s="89">
        <v>1.6834966591550982E-2</v>
      </c>
      <c r="AI43" s="87">
        <v>161</v>
      </c>
      <c r="AJ43" s="96">
        <v>5.5706709721029446</v>
      </c>
      <c r="AK43" s="97">
        <v>0.21792444386543544</v>
      </c>
      <c r="AL43" s="88">
        <v>8.6305730506460676E-2</v>
      </c>
      <c r="AM43" s="89">
        <v>4.593917228391891E-2</v>
      </c>
      <c r="AN43" s="88">
        <v>8.110906053445284E-2</v>
      </c>
      <c r="AO43" s="89">
        <v>4.4839072812689833E-2</v>
      </c>
      <c r="AP43" s="88">
        <v>0.82501323471541921</v>
      </c>
      <c r="AQ43" s="89">
        <v>6.0186769134865044E-2</v>
      </c>
      <c r="AR43" s="88">
        <v>7.5719742436670002E-3</v>
      </c>
      <c r="AS43" s="89">
        <v>2.1534467340177867E-2</v>
      </c>
      <c r="AT43" s="95">
        <v>162</v>
      </c>
      <c r="AU43" s="96">
        <v>5.4160698916845744</v>
      </c>
      <c r="AV43" s="97">
        <v>0.2061183776152522</v>
      </c>
      <c r="AW43" s="88">
        <v>8.818369881822212E-2</v>
      </c>
      <c r="AX43" s="89">
        <v>4.6174630032783263E-2</v>
      </c>
      <c r="AY43" s="88">
        <v>0.12340468548749878</v>
      </c>
      <c r="AZ43" s="89">
        <v>5.2624725975111995E-2</v>
      </c>
      <c r="BA43" s="88">
        <v>0.78841161569427887</v>
      </c>
      <c r="BB43" s="89">
        <v>6.4149519871689126E-2</v>
      </c>
      <c r="BC43" s="88">
        <v>0</v>
      </c>
      <c r="BD43" s="89">
        <v>1.6935763699852214E-2</v>
      </c>
    </row>
    <row r="44" spans="1:56">
      <c r="A44" s="44" t="s">
        <v>538</v>
      </c>
      <c r="B44" s="99">
        <v>88</v>
      </c>
      <c r="C44" s="100">
        <v>5.462106206745224</v>
      </c>
      <c r="D44" s="101">
        <v>0.3322167915386311</v>
      </c>
      <c r="E44" s="91">
        <v>0.13173677357880406</v>
      </c>
      <c r="F44" s="92">
        <v>7.3991386755727584E-2</v>
      </c>
      <c r="G44" s="91">
        <v>0.11426954703005839</v>
      </c>
      <c r="H44" s="92">
        <v>7.0362057570159092E-2</v>
      </c>
      <c r="I44" s="91">
        <v>0.75399367939113748</v>
      </c>
      <c r="J44" s="92">
        <v>9.1122246183914429E-2</v>
      </c>
      <c r="K44" s="91">
        <v>0</v>
      </c>
      <c r="L44" s="92">
        <v>3.0407765486097187E-2</v>
      </c>
      <c r="M44" s="90">
        <v>89</v>
      </c>
      <c r="N44" s="100">
        <v>4.6100477208443191</v>
      </c>
      <c r="O44" s="101">
        <v>0.30819074424892418</v>
      </c>
      <c r="P44" s="91">
        <v>0.22554399439427703</v>
      </c>
      <c r="Q44" s="92">
        <v>8.8235807667107882E-2</v>
      </c>
      <c r="R44" s="91">
        <v>0.22280370716522863</v>
      </c>
      <c r="S44" s="92">
        <v>8.7897734573033307E-2</v>
      </c>
      <c r="T44" s="91">
        <v>0.54985500677321386</v>
      </c>
      <c r="U44" s="92">
        <v>0.10322200494530773</v>
      </c>
      <c r="V44" s="91">
        <v>1.7972916672802436E-3</v>
      </c>
      <c r="W44" s="92">
        <v>3.1236832104249726E-2</v>
      </c>
      <c r="X44" s="99">
        <v>88</v>
      </c>
      <c r="Y44" s="100">
        <v>5.4941105206009722</v>
      </c>
      <c r="Z44" s="101">
        <v>0.33306530142424645</v>
      </c>
      <c r="AA44" s="91">
        <v>0.1201963432200734</v>
      </c>
      <c r="AB44" s="92">
        <v>7.1633137160157664E-2</v>
      </c>
      <c r="AC44" s="91">
        <v>0.13541809733761789</v>
      </c>
      <c r="AD44" s="92">
        <v>7.4713082346737819E-2</v>
      </c>
      <c r="AE44" s="91">
        <v>0.74438555944230855</v>
      </c>
      <c r="AF44" s="92">
        <v>9.2161534815789731E-2</v>
      </c>
      <c r="AG44" s="91">
        <v>0</v>
      </c>
      <c r="AH44" s="92">
        <v>3.0407765486097187E-2</v>
      </c>
      <c r="AI44" s="90">
        <v>88</v>
      </c>
      <c r="AJ44" s="100">
        <v>4.486462775638036</v>
      </c>
      <c r="AK44" s="101">
        <v>0.33025008334838873</v>
      </c>
      <c r="AL44" s="91">
        <v>0.23068277055725658</v>
      </c>
      <c r="AM44" s="92">
        <v>8.9354747147685043E-2</v>
      </c>
      <c r="AN44" s="91">
        <v>0.25202441613217141</v>
      </c>
      <c r="AO44" s="92">
        <v>9.1779269453707527E-2</v>
      </c>
      <c r="AP44" s="91">
        <v>0.50423242514663191</v>
      </c>
      <c r="AQ44" s="92">
        <v>0.10425378950541363</v>
      </c>
      <c r="AR44" s="91">
        <v>1.3060388163939968E-2</v>
      </c>
      <c r="AS44" s="92">
        <v>3.7912868079486274E-2</v>
      </c>
      <c r="AT44" s="99">
        <v>88</v>
      </c>
      <c r="AU44" s="100">
        <v>5.1093293091670953</v>
      </c>
      <c r="AV44" s="101">
        <v>0.31791832597527903</v>
      </c>
      <c r="AW44" s="91">
        <v>0.20602641754684964</v>
      </c>
      <c r="AX44" s="92">
        <v>8.6207784963266837E-2</v>
      </c>
      <c r="AY44" s="91">
        <v>5.9203906183434192E-2</v>
      </c>
      <c r="AZ44" s="92">
        <v>5.6038519683094049E-2</v>
      </c>
      <c r="BA44" s="91">
        <v>0.73407670371381262</v>
      </c>
      <c r="BB44" s="92">
        <v>9.3219944153945022E-2</v>
      </c>
      <c r="BC44" s="91">
        <v>6.9297255590344874E-4</v>
      </c>
      <c r="BD44" s="92">
        <v>3.0857403678765407E-2</v>
      </c>
    </row>
    <row r="45" spans="1:56">
      <c r="A45" s="40" t="s">
        <v>539</v>
      </c>
      <c r="B45" s="95">
        <v>244</v>
      </c>
      <c r="C45" s="96">
        <v>5.6783528416837568</v>
      </c>
      <c r="D45" s="97">
        <v>0.19087874590440149</v>
      </c>
      <c r="E45" s="88">
        <v>9.5494272219085422E-2</v>
      </c>
      <c r="F45" s="89">
        <v>3.8439473147638938E-2</v>
      </c>
      <c r="G45" s="88">
        <v>0.10225090891680921</v>
      </c>
      <c r="H45" s="89">
        <v>3.9524975802512435E-2</v>
      </c>
      <c r="I45" s="88">
        <v>0.80225481886410432</v>
      </c>
      <c r="J45" s="89">
        <v>5.1047935972810092E-2</v>
      </c>
      <c r="K45" s="88">
        <v>0</v>
      </c>
      <c r="L45" s="89">
        <v>1.1358867296889074E-2</v>
      </c>
      <c r="M45" s="87">
        <v>244</v>
      </c>
      <c r="N45" s="96">
        <v>5.0568567343859723</v>
      </c>
      <c r="O45" s="97">
        <v>0.17459643785048082</v>
      </c>
      <c r="P45" s="88">
        <v>0.10682409666875986</v>
      </c>
      <c r="Q45" s="89">
        <v>4.0233027002111794E-2</v>
      </c>
      <c r="R45" s="88">
        <v>0.18440708487802851</v>
      </c>
      <c r="S45" s="89">
        <v>4.9771748214685815E-2</v>
      </c>
      <c r="T45" s="88">
        <v>0.69647267367571331</v>
      </c>
      <c r="U45" s="89">
        <v>5.8562574271736646E-2</v>
      </c>
      <c r="V45" s="88">
        <v>1.2296144777495781E-2</v>
      </c>
      <c r="W45" s="89">
        <v>1.7850551721010684E-2</v>
      </c>
      <c r="X45" s="95">
        <v>244</v>
      </c>
      <c r="Y45" s="96">
        <v>5.5691066794640784</v>
      </c>
      <c r="Z45" s="97">
        <v>0.19865000782216244</v>
      </c>
      <c r="AA45" s="88">
        <v>0.10745859670014136</v>
      </c>
      <c r="AB45" s="89">
        <v>4.0329642927507452E-2</v>
      </c>
      <c r="AC45" s="88">
        <v>0.13754154088775555</v>
      </c>
      <c r="AD45" s="89">
        <v>4.4509445954533162E-2</v>
      </c>
      <c r="AE45" s="88">
        <v>0.75499986241210137</v>
      </c>
      <c r="AF45" s="89">
        <v>5.4927478961888244E-2</v>
      </c>
      <c r="AG45" s="88">
        <v>0</v>
      </c>
      <c r="AH45" s="89">
        <v>1.1358867296889074E-2</v>
      </c>
      <c r="AI45" s="87">
        <v>242</v>
      </c>
      <c r="AJ45" s="96">
        <v>5.0603965366216439</v>
      </c>
      <c r="AK45" s="97">
        <v>0.21792110244830204</v>
      </c>
      <c r="AL45" s="88">
        <v>0.21896229223522026</v>
      </c>
      <c r="AM45" s="89">
        <v>5.312440547222972E-2</v>
      </c>
      <c r="AN45" s="88">
        <v>0.10802220347722903</v>
      </c>
      <c r="AO45" s="89">
        <v>4.0587038087969124E-2</v>
      </c>
      <c r="AP45" s="88">
        <v>0.65555820647737795</v>
      </c>
      <c r="AQ45" s="89">
        <v>6.0698131514885657E-2</v>
      </c>
      <c r="AR45" s="88">
        <v>1.7457297810170393E-2</v>
      </c>
      <c r="AS45" s="89">
        <v>2.0025695873029995E-2</v>
      </c>
      <c r="AT45" s="95">
        <v>243</v>
      </c>
      <c r="AU45" s="96">
        <v>5.3892699162455013</v>
      </c>
      <c r="AV45" s="97">
        <v>0.18783300929204513</v>
      </c>
      <c r="AW45" s="88">
        <v>0.12543886306051419</v>
      </c>
      <c r="AX45" s="89">
        <v>4.3006667899891236E-2</v>
      </c>
      <c r="AY45" s="88">
        <v>7.870975103141363E-2</v>
      </c>
      <c r="AZ45" s="89">
        <v>3.5590222192939135E-2</v>
      </c>
      <c r="BA45" s="88">
        <v>0.79585138590807092</v>
      </c>
      <c r="BB45" s="89">
        <v>5.1736473172083644E-2</v>
      </c>
      <c r="BC45" s="88">
        <v>0</v>
      </c>
      <c r="BD45" s="89">
        <v>1.1404666915179629E-2</v>
      </c>
    </row>
    <row r="46" spans="1:56">
      <c r="A46" s="44" t="s">
        <v>540</v>
      </c>
      <c r="B46" s="99">
        <v>81</v>
      </c>
      <c r="C46" s="100">
        <v>5.456872643973278</v>
      </c>
      <c r="D46" s="101">
        <v>0.35459910794957494</v>
      </c>
      <c r="E46" s="91">
        <v>0.10528014841065911</v>
      </c>
      <c r="F46" s="92">
        <v>7.1460425780707756E-2</v>
      </c>
      <c r="G46" s="91">
        <v>0.1093504547199044</v>
      </c>
      <c r="H46" s="92">
        <v>7.2409943255325376E-2</v>
      </c>
      <c r="I46" s="91">
        <v>0.7853693968694363</v>
      </c>
      <c r="J46" s="92">
        <v>9.1019972234327229E-2</v>
      </c>
      <c r="K46" s="91">
        <v>0</v>
      </c>
      <c r="L46" s="92">
        <v>3.2881805121991139E-2</v>
      </c>
      <c r="M46" s="90">
        <v>82</v>
      </c>
      <c r="N46" s="100">
        <v>4.7064949638104592</v>
      </c>
      <c r="O46" s="101">
        <v>0.33795849502562519</v>
      </c>
      <c r="P46" s="91">
        <v>0.1681618341551892</v>
      </c>
      <c r="Q46" s="92">
        <v>8.3495888980503821E-2</v>
      </c>
      <c r="R46" s="91">
        <v>0.19842754547538888</v>
      </c>
      <c r="S46" s="92">
        <v>8.8216803856836667E-2</v>
      </c>
      <c r="T46" s="91">
        <v>0.63341062036942186</v>
      </c>
      <c r="U46" s="92">
        <v>0.10428466565908721</v>
      </c>
      <c r="V46" s="91">
        <v>0</v>
      </c>
      <c r="W46" s="92">
        <v>3.2504011252172456E-2</v>
      </c>
      <c r="X46" s="99">
        <v>82</v>
      </c>
      <c r="Y46" s="100">
        <v>5.5906086337275784</v>
      </c>
      <c r="Z46" s="101">
        <v>0.36329532891079375</v>
      </c>
      <c r="AA46" s="91">
        <v>0.14622998321825001</v>
      </c>
      <c r="AB46" s="92">
        <v>7.9597296831805525E-2</v>
      </c>
      <c r="AC46" s="91">
        <v>7.1616512666166407E-2</v>
      </c>
      <c r="AD46" s="92">
        <v>6.21930646171251E-2</v>
      </c>
      <c r="AE46" s="91">
        <v>0.78215350411558338</v>
      </c>
      <c r="AF46" s="92">
        <v>9.0892938092143341E-2</v>
      </c>
      <c r="AG46" s="91">
        <v>0</v>
      </c>
      <c r="AH46" s="92">
        <v>3.2504011252172456E-2</v>
      </c>
      <c r="AI46" s="90">
        <v>81</v>
      </c>
      <c r="AJ46" s="100">
        <v>4.4790904519742183</v>
      </c>
      <c r="AK46" s="101">
        <v>0.3899217461415615</v>
      </c>
      <c r="AL46" s="91">
        <v>0.29549168786873165</v>
      </c>
      <c r="AM46" s="92">
        <v>9.9887012386911375E-2</v>
      </c>
      <c r="AN46" s="91">
        <v>0.15891698479586538</v>
      </c>
      <c r="AO46" s="92">
        <v>8.2420490488859868E-2</v>
      </c>
      <c r="AP46" s="91">
        <v>0.50617739422830066</v>
      </c>
      <c r="AQ46" s="92">
        <v>0.10845771132331951</v>
      </c>
      <c r="AR46" s="91">
        <v>3.9413933107102513E-2</v>
      </c>
      <c r="AS46" s="92">
        <v>5.1953263148473622E-2</v>
      </c>
      <c r="AT46" s="99">
        <v>81</v>
      </c>
      <c r="AU46" s="100">
        <v>5.2917893607360353</v>
      </c>
      <c r="AV46" s="101">
        <v>0.36219589728201729</v>
      </c>
      <c r="AW46" s="91">
        <v>0.18367765319069732</v>
      </c>
      <c r="AX46" s="92">
        <v>8.65375763669676E-2</v>
      </c>
      <c r="AY46" s="91">
        <v>6.5971911136463793E-2</v>
      </c>
      <c r="AZ46" s="92">
        <v>6.0946403388688439E-2</v>
      </c>
      <c r="BA46" s="91">
        <v>0.75035043567283866</v>
      </c>
      <c r="BB46" s="92">
        <v>9.5322293755844056E-2</v>
      </c>
      <c r="BC46" s="91">
        <v>0</v>
      </c>
      <c r="BD46" s="92">
        <v>3.2881805121991139E-2</v>
      </c>
    </row>
    <row r="47" spans="1:56">
      <c r="A47" s="40" t="s">
        <v>541</v>
      </c>
      <c r="B47" s="95">
        <v>92</v>
      </c>
      <c r="C47" s="96">
        <v>5.902386705079584</v>
      </c>
      <c r="D47" s="97">
        <v>0.31668040144810805</v>
      </c>
      <c r="E47" s="88">
        <v>9.3048965749685575E-2</v>
      </c>
      <c r="F47" s="89">
        <v>6.3869692170280878E-2</v>
      </c>
      <c r="G47" s="88">
        <v>6.926598338330657E-2</v>
      </c>
      <c r="H47" s="89">
        <v>5.7593071732389318E-2</v>
      </c>
      <c r="I47" s="88">
        <v>0.83768505086700784</v>
      </c>
      <c r="J47" s="89">
        <v>7.7801412547074386E-2</v>
      </c>
      <c r="K47" s="88">
        <v>0</v>
      </c>
      <c r="L47" s="89">
        <v>2.9154263235671291E-2</v>
      </c>
      <c r="M47" s="87">
        <v>91</v>
      </c>
      <c r="N47" s="96">
        <v>5.0172047454093045</v>
      </c>
      <c r="O47" s="97">
        <v>0.25393887372415513</v>
      </c>
      <c r="P47" s="88">
        <v>9.4126766458058883E-2</v>
      </c>
      <c r="Q47" s="89">
        <v>6.4513443800938583E-2</v>
      </c>
      <c r="R47" s="88">
        <v>0.20411757115517457</v>
      </c>
      <c r="S47" s="89">
        <v>8.4522363474130557E-2</v>
      </c>
      <c r="T47" s="88">
        <v>0.6797500693613644</v>
      </c>
      <c r="U47" s="89">
        <v>9.6322589795440894E-2</v>
      </c>
      <c r="V47" s="88">
        <v>2.2005593025402309E-2</v>
      </c>
      <c r="W47" s="89">
        <v>4.1221657783464309E-2</v>
      </c>
      <c r="X47" s="95">
        <v>92</v>
      </c>
      <c r="Y47" s="96">
        <v>5.7329177562907017</v>
      </c>
      <c r="Z47" s="97">
        <v>0.31351462593892016</v>
      </c>
      <c r="AA47" s="88">
        <v>6.5856001537962075E-2</v>
      </c>
      <c r="AB47" s="89">
        <v>5.6604812652914969E-2</v>
      </c>
      <c r="AC47" s="88">
        <v>0.14081374335480867</v>
      </c>
      <c r="AD47" s="89">
        <v>7.4024905619388598E-2</v>
      </c>
      <c r="AE47" s="88">
        <v>0.79333025510722921</v>
      </c>
      <c r="AF47" s="89">
        <v>8.4404334835855799E-2</v>
      </c>
      <c r="AG47" s="88">
        <v>0</v>
      </c>
      <c r="AH47" s="89">
        <v>2.9154263235671291E-2</v>
      </c>
      <c r="AI47" s="87">
        <v>90</v>
      </c>
      <c r="AJ47" s="96">
        <v>5.3272247847077701</v>
      </c>
      <c r="AK47" s="97">
        <v>0.33343973000256111</v>
      </c>
      <c r="AL47" s="88">
        <v>0.1304709070929555</v>
      </c>
      <c r="AM47" s="89">
        <v>7.2880669210158219E-2</v>
      </c>
      <c r="AN47" s="88">
        <v>0.11906155143882925</v>
      </c>
      <c r="AO47" s="89">
        <v>7.0552007633409033E-2</v>
      </c>
      <c r="AP47" s="88">
        <v>0.75046754146821526</v>
      </c>
      <c r="AQ47" s="89">
        <v>9.0504843295593218E-2</v>
      </c>
      <c r="AR47" s="88">
        <v>0</v>
      </c>
      <c r="AS47" s="89">
        <v>2.976782656907849E-2</v>
      </c>
      <c r="AT47" s="95">
        <v>92</v>
      </c>
      <c r="AU47" s="96">
        <v>5.5400632026124397</v>
      </c>
      <c r="AV47" s="97">
        <v>0.28491023206855243</v>
      </c>
      <c r="AW47" s="88">
        <v>8.7584104844492028E-2</v>
      </c>
      <c r="AX47" s="89">
        <v>6.2513913650825315E-2</v>
      </c>
      <c r="AY47" s="88">
        <v>2.4735422776532016E-2</v>
      </c>
      <c r="AZ47" s="89">
        <v>4.2108228580526263E-2</v>
      </c>
      <c r="BA47" s="88">
        <v>0.88768047237897607</v>
      </c>
      <c r="BB47" s="89">
        <v>6.8303123274639194E-2</v>
      </c>
      <c r="BC47" s="88">
        <v>0</v>
      </c>
      <c r="BD47" s="89">
        <v>2.9154263235671291E-2</v>
      </c>
    </row>
    <row r="48" spans="1:56">
      <c r="A48" s="44" t="s">
        <v>542</v>
      </c>
      <c r="B48" s="99">
        <v>71</v>
      </c>
      <c r="C48" s="100">
        <v>5.6559209168298663</v>
      </c>
      <c r="D48" s="101">
        <v>0.31444120464143038</v>
      </c>
      <c r="E48" s="91">
        <v>8.8030379070690265E-2</v>
      </c>
      <c r="F48" s="92">
        <v>7.2259396399885295E-2</v>
      </c>
      <c r="G48" s="91">
        <v>0.13224108795112735</v>
      </c>
      <c r="H48" s="92">
        <v>8.2879828498612862E-2</v>
      </c>
      <c r="I48" s="91">
        <v>0.77972853297818201</v>
      </c>
      <c r="J48" s="92">
        <v>9.7945790312235187E-2</v>
      </c>
      <c r="K48" s="91">
        <v>0</v>
      </c>
      <c r="L48" s="92">
        <v>3.7206132509255738E-2</v>
      </c>
      <c r="M48" s="90">
        <v>71</v>
      </c>
      <c r="N48" s="100">
        <v>5.4733559144365538</v>
      </c>
      <c r="O48" s="101">
        <v>0.31261366628448289</v>
      </c>
      <c r="P48" s="91">
        <v>5.6777106991367579E-2</v>
      </c>
      <c r="Q48" s="92">
        <v>6.2800841907406105E-2</v>
      </c>
      <c r="R48" s="91">
        <v>0.14763927075979921</v>
      </c>
      <c r="S48" s="92">
        <v>8.6017760840807936E-2</v>
      </c>
      <c r="T48" s="91">
        <v>0.78127907127379093</v>
      </c>
      <c r="U48" s="92">
        <v>9.7733319303360669E-2</v>
      </c>
      <c r="V48" s="91">
        <v>1.4304550975042114E-2</v>
      </c>
      <c r="W48" s="92">
        <v>4.5367595015845787E-2</v>
      </c>
      <c r="X48" s="99">
        <v>70</v>
      </c>
      <c r="Y48" s="100">
        <v>5.3573460534439068</v>
      </c>
      <c r="Z48" s="101">
        <v>0.36059725014424909</v>
      </c>
      <c r="AA48" s="91">
        <v>0.1141351055378978</v>
      </c>
      <c r="AB48" s="92">
        <v>7.9447295856130834E-2</v>
      </c>
      <c r="AC48" s="91">
        <v>0.2039737426406914</v>
      </c>
      <c r="AD48" s="92">
        <v>9.6306405747831947E-2</v>
      </c>
      <c r="AE48" s="91">
        <v>0.68189115182141025</v>
      </c>
      <c r="AF48" s="92">
        <v>0.10914796119167378</v>
      </c>
      <c r="AG48" s="91">
        <v>0</v>
      </c>
      <c r="AH48" s="92">
        <v>3.7701936889887336E-2</v>
      </c>
      <c r="AI48" s="90">
        <v>71</v>
      </c>
      <c r="AJ48" s="100">
        <v>5.3428817370024007</v>
      </c>
      <c r="AK48" s="101">
        <v>0.37688240583249166</v>
      </c>
      <c r="AL48" s="91">
        <v>0.23891441125418938</v>
      </c>
      <c r="AM48" s="92">
        <v>0.10037567519646531</v>
      </c>
      <c r="AN48" s="91">
        <v>4.3067426678170546E-2</v>
      </c>
      <c r="AO48" s="92">
        <v>5.7914600505299674E-2</v>
      </c>
      <c r="AP48" s="91">
        <v>0.70371361109259756</v>
      </c>
      <c r="AQ48" s="92">
        <v>0.10653557965664893</v>
      </c>
      <c r="AR48" s="91">
        <v>1.4304550975042114E-2</v>
      </c>
      <c r="AS48" s="92">
        <v>4.5367595015845787E-2</v>
      </c>
      <c r="AT48" s="99">
        <v>70</v>
      </c>
      <c r="AU48" s="100">
        <v>5.3179365659903031</v>
      </c>
      <c r="AV48" s="101">
        <v>0.33464460923904576</v>
      </c>
      <c r="AW48" s="91">
        <v>0.10794153959964263</v>
      </c>
      <c r="AX48" s="92">
        <v>7.7966842422659707E-2</v>
      </c>
      <c r="AY48" s="91">
        <v>0.15418135958613335</v>
      </c>
      <c r="AZ48" s="92">
        <v>8.7915422998829124E-2</v>
      </c>
      <c r="BA48" s="91">
        <v>0.73787710081422364</v>
      </c>
      <c r="BB48" s="92">
        <v>0.10381024894117002</v>
      </c>
      <c r="BC48" s="91">
        <v>0</v>
      </c>
      <c r="BD48" s="92">
        <v>3.7701936889887336E-2</v>
      </c>
    </row>
    <row r="49" spans="1:56">
      <c r="A49" s="40" t="s">
        <v>543</v>
      </c>
      <c r="B49" s="78">
        <v>475</v>
      </c>
      <c r="C49" s="79">
        <v>5.9363849549372052</v>
      </c>
      <c r="D49" s="80">
        <v>0.11240420939297564</v>
      </c>
      <c r="E49" s="93">
        <v>4.4578737062572843E-2</v>
      </c>
      <c r="F49" s="89">
        <v>1.9608066848143948E-2</v>
      </c>
      <c r="G49" s="93">
        <v>6.4184810847558629E-2</v>
      </c>
      <c r="H49" s="89">
        <v>2.2977535711720891E-2</v>
      </c>
      <c r="I49" s="93">
        <v>0.88672662328157326</v>
      </c>
      <c r="J49" s="89">
        <v>2.931791303967379E-2</v>
      </c>
      <c r="K49" s="93">
        <v>4.5098288082954787E-3</v>
      </c>
      <c r="L49" s="89">
        <v>8.4610140921970271E-3</v>
      </c>
      <c r="M49" s="78">
        <v>477</v>
      </c>
      <c r="N49" s="79">
        <v>4.8919267142485534</v>
      </c>
      <c r="O49" s="80">
        <v>0.13261220557439274</v>
      </c>
      <c r="P49" s="93">
        <v>0.12892237328059683</v>
      </c>
      <c r="Q49" s="89">
        <v>3.0868519748538117E-2</v>
      </c>
      <c r="R49" s="93">
        <v>0.1950654595884416</v>
      </c>
      <c r="S49" s="89">
        <v>3.6311773648341705E-2</v>
      </c>
      <c r="T49" s="93">
        <v>0.60379243252680981</v>
      </c>
      <c r="U49" s="89">
        <v>4.4619487131086939E-2</v>
      </c>
      <c r="V49" s="93">
        <v>7.2219734604153527E-2</v>
      </c>
      <c r="W49" s="89">
        <v>2.4133202953304442E-2</v>
      </c>
      <c r="X49" s="78">
        <v>472</v>
      </c>
      <c r="Y49" s="79">
        <v>5.7594367895953944</v>
      </c>
      <c r="Z49" s="80">
        <v>0.12517986621429017</v>
      </c>
      <c r="AA49" s="93">
        <v>6.0724717555814073E-2</v>
      </c>
      <c r="AB49" s="89">
        <v>2.2504280024174598E-2</v>
      </c>
      <c r="AC49" s="93">
        <v>8.4819281208020597E-2</v>
      </c>
      <c r="AD49" s="89">
        <v>2.6010640605527734E-2</v>
      </c>
      <c r="AE49" s="93">
        <v>0.85210426003419881</v>
      </c>
      <c r="AF49" s="89">
        <v>3.2809289672096974E-2</v>
      </c>
      <c r="AG49" s="93">
        <v>2.3517412019671618E-3</v>
      </c>
      <c r="AH49" s="89">
        <v>7.3855244738547949E-3</v>
      </c>
      <c r="AI49" s="78">
        <v>473</v>
      </c>
      <c r="AJ49" s="79">
        <v>5.6410133458591645</v>
      </c>
      <c r="AK49" s="80">
        <v>0.12598110639548682</v>
      </c>
      <c r="AL49" s="93">
        <v>7.3170162926244328E-2</v>
      </c>
      <c r="AM49" s="89">
        <v>2.4376324714412881E-2</v>
      </c>
      <c r="AN49" s="93">
        <v>8.3027005647721988E-2</v>
      </c>
      <c r="AO49" s="89">
        <v>2.574464104520981E-2</v>
      </c>
      <c r="AP49" s="93">
        <v>0.83225922552482912</v>
      </c>
      <c r="AQ49" s="89">
        <v>3.444042678309546E-2</v>
      </c>
      <c r="AR49" s="93">
        <v>1.1543605901205052E-2</v>
      </c>
      <c r="AS49" s="89">
        <v>1.1362181862048879E-2</v>
      </c>
      <c r="AT49" s="78">
        <v>472</v>
      </c>
      <c r="AU49" s="79">
        <v>5.5042694022927865</v>
      </c>
      <c r="AV49" s="80">
        <v>0.12148374519546418</v>
      </c>
      <c r="AW49" s="93">
        <v>6.9487631206741923E-2</v>
      </c>
      <c r="AX49" s="89">
        <v>2.3862523850552597E-2</v>
      </c>
      <c r="AY49" s="93">
        <v>0.15125472562514711</v>
      </c>
      <c r="AZ49" s="89">
        <v>3.3104397319542268E-2</v>
      </c>
      <c r="BA49" s="93">
        <v>0.77519055903706569</v>
      </c>
      <c r="BB49" s="89">
        <v>3.8407104879905972E-2</v>
      </c>
      <c r="BC49" s="93">
        <v>4.0670841310461257E-3</v>
      </c>
      <c r="BD49" s="89">
        <v>8.2842257679639625E-3</v>
      </c>
    </row>
    <row r="50" spans="1:56">
      <c r="A50" s="44" t="s">
        <v>616</v>
      </c>
      <c r="B50" s="99">
        <v>245</v>
      </c>
      <c r="C50" s="100">
        <v>5.8079770789289906</v>
      </c>
      <c r="D50" s="101">
        <v>0.17451375818827847</v>
      </c>
      <c r="E50" s="91">
        <v>7.3464581426624098E-2</v>
      </c>
      <c r="F50" s="92">
        <v>3.4447050771321902E-2</v>
      </c>
      <c r="G50" s="91">
        <v>6.7429135747959737E-2</v>
      </c>
      <c r="H50" s="92">
        <v>3.3255966930798554E-2</v>
      </c>
      <c r="I50" s="91">
        <v>0.85435067877298609</v>
      </c>
      <c r="J50" s="92">
        <v>4.5423025663756333E-2</v>
      </c>
      <c r="K50" s="91">
        <v>4.7556040524290889E-3</v>
      </c>
      <c r="L50" s="92">
        <v>1.4198681552109281E-2</v>
      </c>
      <c r="M50" s="90">
        <v>247</v>
      </c>
      <c r="N50" s="100">
        <v>5.0195174323540508</v>
      </c>
      <c r="O50" s="101">
        <v>0.18347517243177652</v>
      </c>
      <c r="P50" s="91">
        <v>0.12614879292098696</v>
      </c>
      <c r="Q50" s="92">
        <v>4.2745318667576006E-2</v>
      </c>
      <c r="R50" s="91">
        <v>0.16590287985779537</v>
      </c>
      <c r="S50" s="92">
        <v>4.7555110305914902E-2</v>
      </c>
      <c r="T50" s="91">
        <v>0.64115573474580689</v>
      </c>
      <c r="U50" s="92">
        <v>6.0634763965328187E-2</v>
      </c>
      <c r="V50" s="91">
        <v>6.6792592475408488E-2</v>
      </c>
      <c r="W50" s="92">
        <v>3.2983190723182503E-2</v>
      </c>
      <c r="X50" s="99">
        <v>242</v>
      </c>
      <c r="Y50" s="100">
        <v>5.6017477956163217</v>
      </c>
      <c r="Z50" s="101">
        <v>0.19236073743364349</v>
      </c>
      <c r="AA50" s="91">
        <v>9.1475513553137974E-2</v>
      </c>
      <c r="AB50" s="92">
        <v>3.793254802672591E-2</v>
      </c>
      <c r="AC50" s="91">
        <v>9.4227253320851911E-2</v>
      </c>
      <c r="AD50" s="92">
        <v>3.8394500453074666E-2</v>
      </c>
      <c r="AE50" s="91">
        <v>0.81411703758714882</v>
      </c>
      <c r="AF50" s="92">
        <v>5.0123938074862089E-2</v>
      </c>
      <c r="AG50" s="91">
        <v>1.8019553885994193E-4</v>
      </c>
      <c r="AH50" s="92">
        <v>1.1573964909761454E-2</v>
      </c>
      <c r="AI50" s="90">
        <v>243</v>
      </c>
      <c r="AJ50" s="100">
        <v>5.4978674123257276</v>
      </c>
      <c r="AK50" s="101">
        <v>0.18667764960716229</v>
      </c>
      <c r="AL50" s="91">
        <v>9.2910983372679293E-2</v>
      </c>
      <c r="AM50" s="92">
        <v>3.8092699195217697E-2</v>
      </c>
      <c r="AN50" s="91">
        <v>0.10413300021609341</v>
      </c>
      <c r="AO50" s="92">
        <v>3.9903500949073259E-2</v>
      </c>
      <c r="AP50" s="91">
        <v>0.79442642571823396</v>
      </c>
      <c r="AQ50" s="92">
        <v>5.1863729756485684E-2</v>
      </c>
      <c r="AR50" s="91">
        <v>8.5295906929919348E-3</v>
      </c>
      <c r="AS50" s="92">
        <v>1.6205537557747202E-2</v>
      </c>
      <c r="AT50" s="99">
        <v>244</v>
      </c>
      <c r="AU50" s="100">
        <v>5.4994454597732636</v>
      </c>
      <c r="AV50" s="101">
        <v>0.18050376209582336</v>
      </c>
      <c r="AW50" s="91">
        <v>9.4348188636800251E-2</v>
      </c>
      <c r="AX50" s="92">
        <v>3.8250442548760179E-2</v>
      </c>
      <c r="AY50" s="91">
        <v>0.12983067618726785</v>
      </c>
      <c r="AZ50" s="92">
        <v>4.350735885864198E-2</v>
      </c>
      <c r="BA50" s="91">
        <v>0.77564282824042285</v>
      </c>
      <c r="BB50" s="92">
        <v>5.3347944924464312E-2</v>
      </c>
      <c r="BC50" s="91">
        <v>1.783069355075965E-4</v>
      </c>
      <c r="BD50" s="92">
        <v>1.1480734505875367E-2</v>
      </c>
    </row>
    <row r="51" spans="1:56">
      <c r="A51" s="52" t="s">
        <v>544</v>
      </c>
      <c r="B51" s="95">
        <v>230</v>
      </c>
      <c r="C51" s="96">
        <v>6.0521181699489617</v>
      </c>
      <c r="D51" s="97">
        <v>0.13707455589345854</v>
      </c>
      <c r="E51" s="88">
        <v>1.8531879717746114E-2</v>
      </c>
      <c r="F51" s="89">
        <v>2.110044913273296E-2</v>
      </c>
      <c r="G51" s="88">
        <v>6.1259347883900472E-2</v>
      </c>
      <c r="H51" s="89">
        <v>3.3084032387906824E-2</v>
      </c>
      <c r="I51" s="88">
        <v>0.91592056330946603</v>
      </c>
      <c r="J51" s="89">
        <v>3.7638342323677507E-2</v>
      </c>
      <c r="K51" s="88">
        <v>4.2882090888869753E-3</v>
      </c>
      <c r="L51" s="89">
        <v>1.4675433536072428E-2</v>
      </c>
      <c r="M51" s="87">
        <v>230</v>
      </c>
      <c r="N51" s="96">
        <v>4.7747139771798581</v>
      </c>
      <c r="O51" s="97">
        <v>0.1918220028452699</v>
      </c>
      <c r="P51" s="88">
        <v>0.13144207636313784</v>
      </c>
      <c r="Q51" s="89">
        <v>4.5058232956811543E-2</v>
      </c>
      <c r="R51" s="88">
        <v>0.2215586678301209</v>
      </c>
      <c r="S51" s="89">
        <v>5.4709544434220977E-2</v>
      </c>
      <c r="T51" s="88">
        <v>0.56984914783020135</v>
      </c>
      <c r="U51" s="89">
        <v>6.4752846490367458E-2</v>
      </c>
      <c r="V51" s="88">
        <v>7.7150107976538373E-2</v>
      </c>
      <c r="W51" s="89">
        <v>3.6340886499794792E-2</v>
      </c>
      <c r="X51" s="95">
        <v>230</v>
      </c>
      <c r="Y51" s="96">
        <v>5.9002676558199019</v>
      </c>
      <c r="Z51" s="97">
        <v>0.15569997525708557</v>
      </c>
      <c r="AA51" s="88">
        <v>3.3374112307622335E-2</v>
      </c>
      <c r="AB51" s="89">
        <v>2.6031128364098474E-2</v>
      </c>
      <c r="AC51" s="88">
        <v>7.6451571589497225E-2</v>
      </c>
      <c r="AD51" s="89">
        <v>3.6206296943463424E-2</v>
      </c>
      <c r="AE51" s="88">
        <v>0.88589114235473632</v>
      </c>
      <c r="AF51" s="89">
        <v>4.2594394120891679E-2</v>
      </c>
      <c r="AG51" s="88">
        <v>4.2831737481437201E-3</v>
      </c>
      <c r="AH51" s="89">
        <v>1.4672624359491515E-2</v>
      </c>
      <c r="AI51" s="87">
        <v>230</v>
      </c>
      <c r="AJ51" s="96">
        <v>5.7699920276832337</v>
      </c>
      <c r="AK51" s="97">
        <v>0.16516679457662414</v>
      </c>
      <c r="AL51" s="88">
        <v>5.5485616133935933E-2</v>
      </c>
      <c r="AM51" s="89">
        <v>3.1785752412134334E-2</v>
      </c>
      <c r="AN51" s="88">
        <v>6.4119486096781655E-2</v>
      </c>
      <c r="AO51" s="89">
        <v>3.3702597703224001E-2</v>
      </c>
      <c r="AP51" s="88">
        <v>0.86615122714042303</v>
      </c>
      <c r="AQ51" s="89">
        <v>4.5381117630336712E-2</v>
      </c>
      <c r="AR51" s="88">
        <v>1.4243670628859138E-2</v>
      </c>
      <c r="AS51" s="89">
        <v>1.9409585043293331E-2</v>
      </c>
      <c r="AT51" s="95">
        <v>228</v>
      </c>
      <c r="AU51" s="96">
        <v>5.5086745838051057</v>
      </c>
      <c r="AV51" s="97">
        <v>0.16130973451327432</v>
      </c>
      <c r="AW51" s="88">
        <v>4.6953528499633981E-2</v>
      </c>
      <c r="AX51" s="89">
        <v>2.9874884209939809E-2</v>
      </c>
      <c r="AY51" s="88">
        <v>0.17067390927754553</v>
      </c>
      <c r="AZ51" s="89">
        <v>5.004341851121754E-2</v>
      </c>
      <c r="BA51" s="88">
        <v>0.77478061325413461</v>
      </c>
      <c r="BB51" s="89">
        <v>5.5254391189779088E-2</v>
      </c>
      <c r="BC51" s="88">
        <v>7.5919489686853206E-3</v>
      </c>
      <c r="BD51" s="89">
        <v>1.6517034308195472E-2</v>
      </c>
    </row>
    <row r="52" spans="1:56">
      <c r="A52" s="44" t="s">
        <v>545</v>
      </c>
      <c r="B52" s="99">
        <v>112</v>
      </c>
      <c r="C52" s="100">
        <v>6.0771606250820831</v>
      </c>
      <c r="D52" s="101">
        <v>0.21375029634877515</v>
      </c>
      <c r="E52" s="91">
        <v>3.9937058542652192E-2</v>
      </c>
      <c r="F52" s="92">
        <v>4.2624063567654094E-2</v>
      </c>
      <c r="G52" s="91">
        <v>3.1571793835696062E-2</v>
      </c>
      <c r="H52" s="92">
        <v>3.9587033577690479E-2</v>
      </c>
      <c r="I52" s="91">
        <v>0.92849114762165175</v>
      </c>
      <c r="J52" s="92">
        <v>5.214019890810382E-2</v>
      </c>
      <c r="K52" s="91">
        <v>0</v>
      </c>
      <c r="L52" s="92">
        <v>2.4171880321350918E-2</v>
      </c>
      <c r="M52" s="90">
        <v>111</v>
      </c>
      <c r="N52" s="100">
        <v>4.9605541476474384</v>
      </c>
      <c r="O52" s="101">
        <v>0.2698484538295301</v>
      </c>
      <c r="P52" s="91">
        <v>0.14100267588638288</v>
      </c>
      <c r="Q52" s="92">
        <v>6.722590097351698E-2</v>
      </c>
      <c r="R52" s="91">
        <v>0.19156830052674065</v>
      </c>
      <c r="S52" s="92">
        <v>7.491967699174118E-2</v>
      </c>
      <c r="T52" s="91">
        <v>0.60923950220706635</v>
      </c>
      <c r="U52" s="92">
        <v>9.1153465315835736E-2</v>
      </c>
      <c r="V52" s="91">
        <v>5.8189521379809872E-2</v>
      </c>
      <c r="W52" s="92">
        <v>4.868576555299016E-2</v>
      </c>
      <c r="X52" s="99">
        <v>111</v>
      </c>
      <c r="Y52" s="100">
        <v>5.9980370499043012</v>
      </c>
      <c r="Z52" s="101">
        <v>0.24208618791838896</v>
      </c>
      <c r="AA52" s="91">
        <v>3.3948550347164513E-2</v>
      </c>
      <c r="AB52" s="92">
        <v>4.0708126185844358E-2</v>
      </c>
      <c r="AC52" s="91">
        <v>8.7804484417170578E-2</v>
      </c>
      <c r="AD52" s="92">
        <v>5.6478942233591789E-2</v>
      </c>
      <c r="AE52" s="91">
        <v>0.8782469652356647</v>
      </c>
      <c r="AF52" s="92">
        <v>6.3713732324126165E-2</v>
      </c>
      <c r="AG52" s="91">
        <v>0</v>
      </c>
      <c r="AH52" s="92">
        <v>2.4380210707016403E-2</v>
      </c>
      <c r="AI52" s="90">
        <v>111</v>
      </c>
      <c r="AJ52" s="100">
        <v>5.7391792117134814</v>
      </c>
      <c r="AK52" s="101">
        <v>0.2532784480558935</v>
      </c>
      <c r="AL52" s="91">
        <v>5.0891988260744953E-2</v>
      </c>
      <c r="AM52" s="92">
        <v>4.6471735839710746E-2</v>
      </c>
      <c r="AN52" s="91">
        <v>0.12786862750425596</v>
      </c>
      <c r="AO52" s="92">
        <v>6.4870229217768194E-2</v>
      </c>
      <c r="AP52" s="91">
        <v>0.81039094143958668</v>
      </c>
      <c r="AQ52" s="92">
        <v>7.4657011643477253E-2</v>
      </c>
      <c r="AR52" s="91">
        <v>1.0848442795412383E-2</v>
      </c>
      <c r="AS52" s="92">
        <v>3.0694056136896249E-2</v>
      </c>
      <c r="AT52" s="99">
        <v>111</v>
      </c>
      <c r="AU52" s="100">
        <v>5.6136552014874468</v>
      </c>
      <c r="AV52" s="101">
        <v>0.24823700331780599</v>
      </c>
      <c r="AW52" s="91">
        <v>5.0735954967588023E-2</v>
      </c>
      <c r="AX52" s="92">
        <v>4.6422837333308237E-2</v>
      </c>
      <c r="AY52" s="91">
        <v>0.23580811443844771</v>
      </c>
      <c r="AZ52" s="92">
        <v>8.0211388690378888E-2</v>
      </c>
      <c r="BA52" s="91">
        <v>0.71345593059396395</v>
      </c>
      <c r="BB52" s="92">
        <v>8.4965685534632823E-2</v>
      </c>
      <c r="BC52" s="91">
        <v>0</v>
      </c>
      <c r="BD52" s="92">
        <v>2.4380210707016403E-2</v>
      </c>
    </row>
    <row r="53" spans="1:56">
      <c r="A53" s="52" t="s">
        <v>546</v>
      </c>
      <c r="B53" s="95">
        <v>290</v>
      </c>
      <c r="C53" s="96">
        <v>5.7547168019257198</v>
      </c>
      <c r="D53" s="97">
        <v>0.16706213702041117</v>
      </c>
      <c r="E53" s="88">
        <v>8.1315146146102468E-2</v>
      </c>
      <c r="F53" s="89">
        <v>3.2875880960420906E-2</v>
      </c>
      <c r="G53" s="88">
        <v>7.2946811285909491E-2</v>
      </c>
      <c r="H53" s="89">
        <v>3.141869638111848E-2</v>
      </c>
      <c r="I53" s="88">
        <v>0.84552201340788558</v>
      </c>
      <c r="J53" s="89">
        <v>4.2672781720523155E-2</v>
      </c>
      <c r="K53" s="88">
        <v>2.1602916010307824E-4</v>
      </c>
      <c r="L53" s="89">
        <v>9.735683346374294E-3</v>
      </c>
      <c r="M53" s="87">
        <v>287</v>
      </c>
      <c r="N53" s="96">
        <v>4.8808761893562425</v>
      </c>
      <c r="O53" s="97">
        <v>0.18062501059409994</v>
      </c>
      <c r="P53" s="88">
        <v>0.18998716696591195</v>
      </c>
      <c r="Q53" s="89">
        <v>4.6383435162739788E-2</v>
      </c>
      <c r="R53" s="88">
        <v>0.15940188409206216</v>
      </c>
      <c r="S53" s="89">
        <v>4.3420773930482E-2</v>
      </c>
      <c r="T53" s="88">
        <v>0.62901005662943588</v>
      </c>
      <c r="U53" s="89">
        <v>5.6691219638455623E-2</v>
      </c>
      <c r="V53" s="88">
        <v>2.1600892312592528E-2</v>
      </c>
      <c r="W53" s="89">
        <v>1.9400957071940599E-2</v>
      </c>
      <c r="X53" s="95">
        <v>289</v>
      </c>
      <c r="Y53" s="96">
        <v>5.5001631769714496</v>
      </c>
      <c r="Z53" s="97">
        <v>0.17657925625576015</v>
      </c>
      <c r="AA53" s="88">
        <v>0.11866972560182194</v>
      </c>
      <c r="AB53" s="89">
        <v>3.8492131276049286E-2</v>
      </c>
      <c r="AC53" s="88">
        <v>9.995662707448176E-2</v>
      </c>
      <c r="AD53" s="89">
        <v>3.5880922068237196E-2</v>
      </c>
      <c r="AE53" s="88">
        <v>0.7811575656713875</v>
      </c>
      <c r="AF53" s="89">
        <v>4.8611300911943191E-2</v>
      </c>
      <c r="AG53" s="88">
        <v>2.1608165231015741E-4</v>
      </c>
      <c r="AH53" s="89">
        <v>9.7683208725596084E-3</v>
      </c>
      <c r="AI53" s="87">
        <v>286</v>
      </c>
      <c r="AJ53" s="96">
        <v>4.9041237831786733</v>
      </c>
      <c r="AK53" s="97">
        <v>0.19300877277459125</v>
      </c>
      <c r="AL53" s="88">
        <v>0.1995904631513794</v>
      </c>
      <c r="AM53" s="89">
        <v>4.7303347217730794E-2</v>
      </c>
      <c r="AN53" s="88">
        <v>0.15882193377473341</v>
      </c>
      <c r="AO53" s="89">
        <v>4.3436276637737053E-2</v>
      </c>
      <c r="AP53" s="88">
        <v>0.63409003317361168</v>
      </c>
      <c r="AQ53" s="89">
        <v>5.6630982876988117E-2</v>
      </c>
      <c r="AR53" s="88">
        <v>7.4975699002786892E-3</v>
      </c>
      <c r="AS53" s="89">
        <v>1.3939021171991004E-2</v>
      </c>
      <c r="AT53" s="95">
        <v>287</v>
      </c>
      <c r="AU53" s="96">
        <v>5.3329265388755163</v>
      </c>
      <c r="AV53" s="97">
        <v>0.17466599196374732</v>
      </c>
      <c r="AW53" s="88">
        <v>0.11474087814025086</v>
      </c>
      <c r="AX53" s="89">
        <v>3.810417374949842E-2</v>
      </c>
      <c r="AY53" s="88">
        <v>0.13991845203046424</v>
      </c>
      <c r="AZ53" s="89">
        <v>4.1265427222393666E-2</v>
      </c>
      <c r="BA53" s="88">
        <v>0.74512239038321837</v>
      </c>
      <c r="BB53" s="89">
        <v>5.1313400236666779E-2</v>
      </c>
      <c r="BC53" s="88">
        <v>2.1827944606823065E-4</v>
      </c>
      <c r="BD53" s="89">
        <v>9.835687646417712E-3</v>
      </c>
    </row>
    <row r="54" spans="1:56">
      <c r="A54" s="44" t="s">
        <v>557</v>
      </c>
      <c r="B54" s="99">
        <v>112</v>
      </c>
      <c r="C54" s="100">
        <v>5.8347837525429176</v>
      </c>
      <c r="D54" s="101">
        <v>0.25706766382371743</v>
      </c>
      <c r="E54" s="91">
        <v>8.4892197293076052E-2</v>
      </c>
      <c r="F54" s="92">
        <v>5.5511532675731341E-2</v>
      </c>
      <c r="G54" s="91">
        <v>6.8582586799059736E-2</v>
      </c>
      <c r="H54" s="92">
        <v>5.1358656527604366E-2</v>
      </c>
      <c r="I54" s="91">
        <v>0.84652521590786489</v>
      </c>
      <c r="J54" s="92">
        <v>6.899746447803809E-2</v>
      </c>
      <c r="K54" s="91">
        <v>0</v>
      </c>
      <c r="L54" s="92">
        <v>2.4171880321350918E-2</v>
      </c>
      <c r="M54" s="90">
        <v>111</v>
      </c>
      <c r="N54" s="100">
        <v>4.4475931591202178</v>
      </c>
      <c r="O54" s="101">
        <v>0.3234280442088745</v>
      </c>
      <c r="P54" s="91">
        <v>0.25748518786041213</v>
      </c>
      <c r="Q54" s="92">
        <v>8.2400249255192154E-2</v>
      </c>
      <c r="R54" s="91">
        <v>0.22222887284688628</v>
      </c>
      <c r="S54" s="92">
        <v>7.8710760287828252E-2</v>
      </c>
      <c r="T54" s="91">
        <v>0.5043280954618653</v>
      </c>
      <c r="U54" s="92">
        <v>9.324722596192575E-2</v>
      </c>
      <c r="V54" s="91">
        <v>1.595784383083736E-2</v>
      </c>
      <c r="W54" s="92">
        <v>3.3215313504654689E-2</v>
      </c>
      <c r="X54" s="99">
        <v>112</v>
      </c>
      <c r="Y54" s="100">
        <v>5.5281801000916149</v>
      </c>
      <c r="Z54" s="101">
        <v>0.27744612333091145</v>
      </c>
      <c r="AA54" s="91">
        <v>7.954014365893522E-2</v>
      </c>
      <c r="AB54" s="92">
        <v>5.4201244140929451E-2</v>
      </c>
      <c r="AC54" s="91">
        <v>0.13977011632918304</v>
      </c>
      <c r="AD54" s="92">
        <v>6.6703016881569446E-2</v>
      </c>
      <c r="AE54" s="91">
        <v>0.78068974001188218</v>
      </c>
      <c r="AF54" s="92">
        <v>7.8025892088180088E-2</v>
      </c>
      <c r="AG54" s="91">
        <v>0</v>
      </c>
      <c r="AH54" s="92">
        <v>2.4171880321350918E-2</v>
      </c>
      <c r="AI54" s="90">
        <v>109</v>
      </c>
      <c r="AJ54" s="100">
        <v>4.841208773188983</v>
      </c>
      <c r="AK54" s="101">
        <v>0.32462023897560877</v>
      </c>
      <c r="AL54" s="91">
        <v>0.2084724828452357</v>
      </c>
      <c r="AM54" s="92">
        <v>7.778392667432607E-2</v>
      </c>
      <c r="AN54" s="91">
        <v>0.16963174310989865</v>
      </c>
      <c r="AO54" s="92">
        <v>7.2489732151429551E-2</v>
      </c>
      <c r="AP54" s="91">
        <v>0.62127002419616051</v>
      </c>
      <c r="AQ54" s="92">
        <v>9.1461354277881629E-2</v>
      </c>
      <c r="AR54" s="91">
        <v>6.2574984870570466E-4</v>
      </c>
      <c r="AS54" s="92">
        <v>2.5219549306731707E-2</v>
      </c>
      <c r="AT54" s="99">
        <v>111</v>
      </c>
      <c r="AU54" s="100">
        <v>5.248752160644921</v>
      </c>
      <c r="AV54" s="101">
        <v>0.29964146871946995</v>
      </c>
      <c r="AW54" s="91">
        <v>0.10888192634793448</v>
      </c>
      <c r="AX54" s="92">
        <v>6.1143652637800895E-2</v>
      </c>
      <c r="AY54" s="91">
        <v>0.17893484165137238</v>
      </c>
      <c r="AZ54" s="92">
        <v>7.3179572176921434E-2</v>
      </c>
      <c r="BA54" s="91">
        <v>0.71218323200069378</v>
      </c>
      <c r="BB54" s="92">
        <v>8.5068924167109261E-2</v>
      </c>
      <c r="BC54" s="91">
        <v>0</v>
      </c>
      <c r="BD54" s="92">
        <v>2.4380210707016403E-2</v>
      </c>
    </row>
    <row r="55" spans="1:56">
      <c r="A55" s="52" t="s">
        <v>558</v>
      </c>
      <c r="B55" s="95">
        <v>114</v>
      </c>
      <c r="C55" s="96">
        <v>5.6499483120012588</v>
      </c>
      <c r="D55" s="97">
        <v>0.28550303070427091</v>
      </c>
      <c r="E55" s="88">
        <v>0.10086667067838202</v>
      </c>
      <c r="F55" s="89">
        <v>5.8602374204292054E-2</v>
      </c>
      <c r="G55" s="88">
        <v>9.1237759176263186E-2</v>
      </c>
      <c r="H55" s="89">
        <v>5.6463378003450582E-2</v>
      </c>
      <c r="I55" s="88">
        <v>0.80789557014535485</v>
      </c>
      <c r="J55" s="89">
        <v>7.3994612980371632E-2</v>
      </c>
      <c r="K55" s="88">
        <v>0</v>
      </c>
      <c r="L55" s="89">
        <v>2.3765720057393202E-2</v>
      </c>
      <c r="M55" s="87">
        <v>113</v>
      </c>
      <c r="N55" s="96">
        <v>5.1617784932114006</v>
      </c>
      <c r="O55" s="97">
        <v>0.25566212919332587</v>
      </c>
      <c r="P55" s="94">
        <v>0.18619687704436536</v>
      </c>
      <c r="Q55" s="89">
        <v>7.3530192391973281E-2</v>
      </c>
      <c r="R55" s="88">
        <v>9.7812325003283865E-2</v>
      </c>
      <c r="S55" s="89">
        <v>5.8211573229152692E-2</v>
      </c>
      <c r="T55" s="88">
        <v>0.70366486752899193</v>
      </c>
      <c r="U55" s="89">
        <v>8.4995391839335924E-2</v>
      </c>
      <c r="V55" s="88">
        <v>1.2325930423359137E-2</v>
      </c>
      <c r="W55" s="89">
        <v>3.1026667542521376E-2</v>
      </c>
      <c r="X55" s="95">
        <v>113</v>
      </c>
      <c r="Y55" s="96">
        <v>5.4072766986165668</v>
      </c>
      <c r="Z55" s="97">
        <v>0.30085538636588266</v>
      </c>
      <c r="AA55" s="88">
        <v>0.17070147846055458</v>
      </c>
      <c r="AB55" s="89">
        <v>7.1336513377484381E-2</v>
      </c>
      <c r="AC55" s="88">
        <v>6.2347564682253734E-2</v>
      </c>
      <c r="AD55" s="89">
        <v>4.9383619086885114E-2</v>
      </c>
      <c r="AE55" s="88">
        <v>0.76695095685719183</v>
      </c>
      <c r="AF55" s="89">
        <v>7.9211188908155539E-2</v>
      </c>
      <c r="AG55" s="88">
        <v>0</v>
      </c>
      <c r="AH55" s="89">
        <v>2.3967079753657358E-2</v>
      </c>
      <c r="AI55" s="87">
        <v>114</v>
      </c>
      <c r="AJ55" s="96">
        <v>4.783341674903637</v>
      </c>
      <c r="AK55" s="97">
        <v>0.30685413384776072</v>
      </c>
      <c r="AL55" s="94">
        <v>0.23110143537361114</v>
      </c>
      <c r="AM55" s="89">
        <v>7.8656646332655594E-2</v>
      </c>
      <c r="AN55" s="88">
        <v>0.14550061661300762</v>
      </c>
      <c r="AO55" s="89">
        <v>6.707086258264626E-2</v>
      </c>
      <c r="AP55" s="88">
        <v>0.62078943029220801</v>
      </c>
      <c r="AQ55" s="89">
        <v>8.9515135835527185E-2</v>
      </c>
      <c r="AR55" s="88">
        <v>2.6085177211734654E-3</v>
      </c>
      <c r="AS55" s="89">
        <v>2.5438656288982973E-2</v>
      </c>
      <c r="AT55" s="95">
        <v>113</v>
      </c>
      <c r="AU55" s="96">
        <v>5.3591112512724859</v>
      </c>
      <c r="AV55" s="97">
        <v>0.27332837972649782</v>
      </c>
      <c r="AW55" s="88">
        <v>0.13977540490530674</v>
      </c>
      <c r="AX55" s="89">
        <v>6.6399251265345988E-2</v>
      </c>
      <c r="AY55" s="88">
        <v>0.12423113265564463</v>
      </c>
      <c r="AZ55" s="89">
        <v>6.3592606199294716E-2</v>
      </c>
      <c r="BA55" s="88">
        <v>0.73599346243904862</v>
      </c>
      <c r="BB55" s="89">
        <v>8.2285733799497149E-2</v>
      </c>
      <c r="BC55" s="88">
        <v>0</v>
      </c>
      <c r="BD55" s="89">
        <v>2.3967079753657358E-2</v>
      </c>
    </row>
    <row r="56" spans="1:56">
      <c r="A56" s="44" t="s">
        <v>549</v>
      </c>
      <c r="B56" s="99">
        <v>64</v>
      </c>
      <c r="C56" s="100">
        <v>5.784193691389282</v>
      </c>
      <c r="D56" s="101">
        <v>0.3322227616543012</v>
      </c>
      <c r="E56" s="91">
        <v>4.3368748743007855E-2</v>
      </c>
      <c r="F56" s="92">
        <v>6.197591584925069E-2</v>
      </c>
      <c r="G56" s="91">
        <v>5.0958408333588473E-2</v>
      </c>
      <c r="H56" s="92">
        <v>6.4801097187092038E-2</v>
      </c>
      <c r="I56" s="91">
        <v>0.90472824378192773</v>
      </c>
      <c r="J56" s="92">
        <v>7.8552874769956871E-2</v>
      </c>
      <c r="K56" s="91">
        <v>9.4459914147613957E-4</v>
      </c>
      <c r="L56" s="92">
        <v>4.1573931849534097E-2</v>
      </c>
      <c r="M56" s="90">
        <v>63</v>
      </c>
      <c r="N56" s="100">
        <v>5.1979510588301254</v>
      </c>
      <c r="O56" s="101">
        <v>0.37033729655751346</v>
      </c>
      <c r="P56" s="91">
        <v>7.6113010205689113E-2</v>
      </c>
      <c r="Q56" s="92">
        <v>7.3761916879311398E-2</v>
      </c>
      <c r="R56" s="91">
        <v>0.14894442109913222</v>
      </c>
      <c r="S56" s="92">
        <v>9.1760865799330904E-2</v>
      </c>
      <c r="T56" s="91">
        <v>0.72803871906313677</v>
      </c>
      <c r="U56" s="92">
        <v>0.11036497061482853</v>
      </c>
      <c r="V56" s="91">
        <v>4.6903849632041944E-2</v>
      </c>
      <c r="W56" s="92">
        <v>6.3942659859437589E-2</v>
      </c>
      <c r="X56" s="99">
        <v>64</v>
      </c>
      <c r="Y56" s="100">
        <v>5.6015651405125189</v>
      </c>
      <c r="Z56" s="101">
        <v>0.3441328223846909</v>
      </c>
      <c r="AA56" s="91">
        <v>0.10298769793204844</v>
      </c>
      <c r="AB56" s="92">
        <v>8.0578504948546001E-2</v>
      </c>
      <c r="AC56" s="91">
        <v>9.1087232169333288E-2</v>
      </c>
      <c r="AD56" s="92">
        <v>7.7415415672700216E-2</v>
      </c>
      <c r="AE56" s="91">
        <v>0.80498047075714207</v>
      </c>
      <c r="AF56" s="92">
        <v>9.9293914286809129E-2</v>
      </c>
      <c r="AG56" s="91">
        <v>9.4459914147613957E-4</v>
      </c>
      <c r="AH56" s="92">
        <v>4.1573931849534097E-2</v>
      </c>
      <c r="AI56" s="90">
        <v>63</v>
      </c>
      <c r="AJ56" s="100">
        <v>5.2196923247320104</v>
      </c>
      <c r="AK56" s="101">
        <v>0.38108498223309401</v>
      </c>
      <c r="AL56" s="91">
        <v>0.13236215769068155</v>
      </c>
      <c r="AM56" s="92">
        <v>8.8266522415113846E-2</v>
      </c>
      <c r="AN56" s="91">
        <v>0.16210961708511573</v>
      </c>
      <c r="AO56" s="92">
        <v>9.43336046271879E-2</v>
      </c>
      <c r="AP56" s="91">
        <v>0.67811978699220044</v>
      </c>
      <c r="AQ56" s="92">
        <v>0.11511150127190695</v>
      </c>
      <c r="AR56" s="91">
        <v>2.7408438232002424E-2</v>
      </c>
      <c r="AS56" s="92">
        <v>5.6000510282543867E-2</v>
      </c>
      <c r="AT56" s="99">
        <v>63</v>
      </c>
      <c r="AU56" s="100">
        <v>5.4374972627221423</v>
      </c>
      <c r="AV56" s="101">
        <v>0.34230497981092417</v>
      </c>
      <c r="AW56" s="91">
        <v>8.3805530704302453E-2</v>
      </c>
      <c r="AX56" s="92">
        <v>7.6039069148526525E-2</v>
      </c>
      <c r="AY56" s="91">
        <v>9.7338201174134373E-2</v>
      </c>
      <c r="AZ56" s="92">
        <v>7.9792702576691368E-2</v>
      </c>
      <c r="BA56" s="91">
        <v>0.81789602227543878</v>
      </c>
      <c r="BB56" s="92">
        <v>9.7933432854279703E-2</v>
      </c>
      <c r="BC56" s="91">
        <v>9.6024584612427143E-4</v>
      </c>
      <c r="BD56" s="92">
        <v>4.2185005580330025E-2</v>
      </c>
    </row>
    <row r="57" spans="1:56">
      <c r="A57" s="52" t="s">
        <v>550</v>
      </c>
      <c r="B57" s="95">
        <v>161</v>
      </c>
      <c r="C57" s="96">
        <v>5.7902131332482369</v>
      </c>
      <c r="D57" s="97">
        <v>0.21355156803854247</v>
      </c>
      <c r="E57" s="88">
        <v>5.2949372275002869E-2</v>
      </c>
      <c r="F57" s="89">
        <v>3.8048831963747871E-2</v>
      </c>
      <c r="G57" s="88">
        <v>0.13391792208831921</v>
      </c>
      <c r="H57" s="89">
        <v>5.4473324322742538E-2</v>
      </c>
      <c r="I57" s="88">
        <v>0.81313270563667794</v>
      </c>
      <c r="J57" s="89">
        <v>6.1623357381215993E-2</v>
      </c>
      <c r="K57" s="88">
        <v>0</v>
      </c>
      <c r="L57" s="89">
        <v>1.703777502754053E-2</v>
      </c>
      <c r="M57" s="87">
        <v>162</v>
      </c>
      <c r="N57" s="96">
        <v>5.0569584757969217</v>
      </c>
      <c r="O57" s="97">
        <v>0.2284052679286479</v>
      </c>
      <c r="P57" s="94">
        <v>0.12188786015504748</v>
      </c>
      <c r="Q57" s="89">
        <v>5.2374522245289705E-2</v>
      </c>
      <c r="R57" s="88">
        <v>0.17547415651295659</v>
      </c>
      <c r="S57" s="89">
        <v>6.0059678204582044E-2</v>
      </c>
      <c r="T57" s="88">
        <v>0.65820551543284067</v>
      </c>
      <c r="U57" s="89">
        <v>7.3822107622191713E-2</v>
      </c>
      <c r="V57" s="88">
        <v>4.4432467899155136E-2</v>
      </c>
      <c r="W57" s="89">
        <v>3.5513354293535512E-2</v>
      </c>
      <c r="X57" s="95">
        <v>160</v>
      </c>
      <c r="Y57" s="96">
        <v>5.5893172943114715</v>
      </c>
      <c r="Z57" s="97">
        <v>0.22128041979035026</v>
      </c>
      <c r="AA57" s="88">
        <v>7.3673317847877215E-2</v>
      </c>
      <c r="AB57" s="89">
        <v>4.3337447198532476E-2</v>
      </c>
      <c r="AC57" s="88">
        <v>0.16962705500513808</v>
      </c>
      <c r="AD57" s="89">
        <v>5.9696998485382569E-2</v>
      </c>
      <c r="AE57" s="88">
        <v>0.74258187161327793</v>
      </c>
      <c r="AF57" s="89">
        <v>6.8785556462580236E-2</v>
      </c>
      <c r="AG57" s="88">
        <v>1.4117755533706264E-2</v>
      </c>
      <c r="AH57" s="89">
        <v>2.4838098593483321E-2</v>
      </c>
      <c r="AI57" s="87">
        <v>160</v>
      </c>
      <c r="AJ57" s="96">
        <v>5.1474676944026463</v>
      </c>
      <c r="AK57" s="97">
        <v>0.23105213703816699</v>
      </c>
      <c r="AL57" s="94">
        <v>9.7775846367306227E-2</v>
      </c>
      <c r="AM57" s="89">
        <v>4.8391544050596022E-2</v>
      </c>
      <c r="AN57" s="88">
        <v>0.21475169029166941</v>
      </c>
      <c r="AO57" s="89">
        <v>6.4874005556011582E-2</v>
      </c>
      <c r="AP57" s="88">
        <v>0.66985569439752846</v>
      </c>
      <c r="AQ57" s="89">
        <v>7.3673512442513592E-2</v>
      </c>
      <c r="AR57" s="88">
        <v>1.7616768943495415E-2</v>
      </c>
      <c r="AS57" s="89">
        <v>2.6373905769544691E-2</v>
      </c>
      <c r="AT57" s="95">
        <v>160</v>
      </c>
      <c r="AU57" s="96">
        <v>5.4316768782162939</v>
      </c>
      <c r="AV57" s="97">
        <v>0.23057616984594526</v>
      </c>
      <c r="AW57" s="88">
        <v>9.2591386491831892E-2</v>
      </c>
      <c r="AX57" s="89">
        <v>4.7374005903892145E-2</v>
      </c>
      <c r="AY57" s="88">
        <v>0.17654687187816573</v>
      </c>
      <c r="AZ57" s="89">
        <v>6.0570326911420815E-2</v>
      </c>
      <c r="BA57" s="88">
        <v>0.72350035951317648</v>
      </c>
      <c r="BB57" s="89">
        <v>7.0270310208510114E-2</v>
      </c>
      <c r="BC57" s="88">
        <v>7.3613821168256356E-3</v>
      </c>
      <c r="BD57" s="89">
        <v>2.1527912485385724E-2</v>
      </c>
    </row>
    <row r="58" spans="1:56">
      <c r="A58" s="44" t="s">
        <v>551</v>
      </c>
      <c r="B58" s="99">
        <v>688</v>
      </c>
      <c r="C58" s="100">
        <v>5.5283715211731934</v>
      </c>
      <c r="D58" s="101">
        <v>0.1037986757184743</v>
      </c>
      <c r="E58" s="91">
        <v>7.5757508877943622E-2</v>
      </c>
      <c r="F58" s="92">
        <v>2.0413784345899879E-2</v>
      </c>
      <c r="G58" s="91">
        <v>0.12328834110498627</v>
      </c>
      <c r="H58" s="92">
        <v>2.5184197934361531E-2</v>
      </c>
      <c r="I58" s="91">
        <v>0.79345016168722038</v>
      </c>
      <c r="J58" s="92">
        <v>3.0871695263867276E-2</v>
      </c>
      <c r="K58" s="91">
        <v>7.5039883298546606E-3</v>
      </c>
      <c r="L58" s="92">
        <v>7.6949226231869733E-3</v>
      </c>
      <c r="M58" s="90">
        <v>674</v>
      </c>
      <c r="N58" s="100">
        <v>4.6772522751253494</v>
      </c>
      <c r="O58" s="101">
        <v>0.11904059950739138</v>
      </c>
      <c r="P58" s="91">
        <v>0.17700578828390998</v>
      </c>
      <c r="Q58" s="92">
        <v>2.9439411759800336E-2</v>
      </c>
      <c r="R58" s="91">
        <v>0.1912428861074284</v>
      </c>
      <c r="S58" s="92">
        <v>3.031696620054241E-2</v>
      </c>
      <c r="T58" s="91">
        <v>0.53395695971562362</v>
      </c>
      <c r="U58" s="92">
        <v>3.8317143460080416E-2</v>
      </c>
      <c r="V58" s="91">
        <v>9.7794365893042537E-2</v>
      </c>
      <c r="W58" s="92">
        <v>2.3059980839454524E-2</v>
      </c>
      <c r="X58" s="99">
        <v>683</v>
      </c>
      <c r="Y58" s="100">
        <v>5.3275309430035875</v>
      </c>
      <c r="Z58" s="101">
        <v>0.11236743993628792</v>
      </c>
      <c r="AA58" s="91">
        <v>0.10388805604495222</v>
      </c>
      <c r="AB58" s="92">
        <v>2.3508447160501524E-2</v>
      </c>
      <c r="AC58" s="91">
        <v>0.17300958770206332</v>
      </c>
      <c r="AD58" s="92">
        <v>2.8987649110859149E-2</v>
      </c>
      <c r="AE58" s="91">
        <v>0.71339224284495018</v>
      </c>
      <c r="AF58" s="92">
        <v>3.4547814596563753E-2</v>
      </c>
      <c r="AG58" s="91">
        <v>9.7101134080421116E-3</v>
      </c>
      <c r="AH58" s="92">
        <v>8.4993060454007265E-3</v>
      </c>
      <c r="AI58" s="90">
        <v>683</v>
      </c>
      <c r="AJ58" s="100">
        <v>5.2743991585669781</v>
      </c>
      <c r="AK58" s="101">
        <v>0.11048173678546716</v>
      </c>
      <c r="AL58" s="91">
        <v>0.10852483620034409</v>
      </c>
      <c r="AM58" s="92">
        <v>2.3951261042480833E-2</v>
      </c>
      <c r="AN58" s="91">
        <v>0.14901651111613934</v>
      </c>
      <c r="AO58" s="92">
        <v>2.7325301592333779E-2</v>
      </c>
      <c r="AP58" s="91">
        <v>0.71574342076001296</v>
      </c>
      <c r="AQ58" s="92">
        <v>3.4463677043965982E-2</v>
      </c>
      <c r="AR58" s="91">
        <v>2.6715231923511492E-2</v>
      </c>
      <c r="AS58" s="92">
        <v>1.2904837982529333E-2</v>
      </c>
      <c r="AT58" s="99">
        <v>685</v>
      </c>
      <c r="AU58" s="100">
        <v>5.1112073264441999</v>
      </c>
      <c r="AV58" s="101">
        <v>0.11355245440086101</v>
      </c>
      <c r="AW58" s="91">
        <v>0.1291565878685603</v>
      </c>
      <c r="AX58" s="92">
        <v>2.5733628651644015E-2</v>
      </c>
      <c r="AY58" s="91">
        <v>0.19820975668602756</v>
      </c>
      <c r="AZ58" s="92">
        <v>3.0475389796705769E-2</v>
      </c>
      <c r="BA58" s="91">
        <v>0.66177478572105797</v>
      </c>
      <c r="BB58" s="92">
        <v>3.607216680945359E-2</v>
      </c>
      <c r="BC58" s="91">
        <v>1.0858869724361524E-2</v>
      </c>
      <c r="BD58" s="92">
        <v>8.8565194970062714E-3</v>
      </c>
    </row>
    <row r="61" spans="1:56" ht="21" customHeight="1">
      <c r="A61" s="284" t="s">
        <v>33</v>
      </c>
      <c r="B61" s="284"/>
      <c r="C61" s="284"/>
      <c r="D61" s="284"/>
      <c r="E61" s="284"/>
      <c r="F61" s="284"/>
      <c r="G61" s="284"/>
      <c r="H61" s="284"/>
      <c r="I61" s="284"/>
      <c r="J61" s="284"/>
      <c r="K61" s="284"/>
      <c r="L61" s="284"/>
      <c r="M61" s="284"/>
      <c r="N61" s="284"/>
      <c r="O61" s="284"/>
      <c r="P61" s="284"/>
      <c r="Q61" s="284"/>
      <c r="R61" s="284"/>
      <c r="S61" s="284"/>
      <c r="T61" s="284"/>
      <c r="U61" s="284"/>
      <c r="V61" s="284"/>
      <c r="W61" s="284"/>
      <c r="X61" s="284"/>
      <c r="Y61" s="284"/>
      <c r="Z61" s="284"/>
      <c r="AA61" s="284"/>
      <c r="AB61" s="284"/>
      <c r="AC61" s="284"/>
      <c r="AD61" s="284"/>
      <c r="AE61" s="284"/>
      <c r="AF61" s="284"/>
      <c r="AG61" s="284"/>
      <c r="AH61" s="284"/>
      <c r="AI61" s="284"/>
      <c r="AJ61" s="284"/>
      <c r="AK61" s="284"/>
      <c r="AL61" s="284"/>
      <c r="AM61" s="284"/>
      <c r="AN61" s="284"/>
      <c r="AO61" s="284"/>
      <c r="AP61" s="284"/>
      <c r="AQ61" s="284"/>
      <c r="AR61" s="284"/>
      <c r="AS61" s="284"/>
    </row>
    <row r="62" spans="1:56" ht="73.5" customHeight="1">
      <c r="A62" s="368" t="s">
        <v>609</v>
      </c>
      <c r="B62" s="368"/>
      <c r="C62" s="368"/>
      <c r="D62" s="368"/>
      <c r="E62" s="368"/>
      <c r="F62" s="368"/>
      <c r="G62" s="368"/>
      <c r="H62" s="368"/>
      <c r="I62" s="368"/>
      <c r="J62" s="368"/>
      <c r="K62" s="368"/>
      <c r="L62" s="368"/>
      <c r="M62" s="368"/>
      <c r="N62" s="368"/>
      <c r="O62" s="368"/>
      <c r="P62" s="368"/>
      <c r="Q62" s="368"/>
      <c r="R62" s="368"/>
      <c r="S62" s="368"/>
      <c r="T62" s="368"/>
      <c r="U62" s="368"/>
      <c r="V62" s="368"/>
      <c r="W62" s="368"/>
      <c r="X62" s="368"/>
      <c r="Y62" s="368"/>
      <c r="Z62" s="368"/>
      <c r="AA62" s="368"/>
      <c r="AB62" s="368"/>
      <c r="AC62" s="368"/>
      <c r="AD62" s="368"/>
      <c r="AE62" s="368"/>
      <c r="AF62" s="368"/>
      <c r="AG62" s="368"/>
      <c r="AH62" s="368"/>
      <c r="AI62" s="368"/>
      <c r="AJ62" s="368"/>
      <c r="AK62" s="368"/>
      <c r="AL62" s="368"/>
      <c r="AM62" s="368"/>
      <c r="AN62" s="368"/>
      <c r="AO62" s="368"/>
      <c r="AP62" s="368"/>
      <c r="AQ62" s="368"/>
      <c r="AR62" s="368"/>
      <c r="AS62" s="368"/>
    </row>
    <row r="63" spans="1:56" ht="37.5" customHeight="1">
      <c r="A63" s="59"/>
      <c r="B63" s="372" t="s">
        <v>89</v>
      </c>
      <c r="C63" s="373"/>
      <c r="D63" s="373"/>
      <c r="E63" s="373"/>
      <c r="F63" s="373"/>
      <c r="G63" s="373"/>
      <c r="H63" s="373"/>
      <c r="I63" s="373"/>
      <c r="J63" s="373"/>
      <c r="K63" s="373"/>
      <c r="L63" s="374"/>
      <c r="M63" s="372" t="s">
        <v>90</v>
      </c>
      <c r="N63" s="373"/>
      <c r="O63" s="373"/>
      <c r="P63" s="373"/>
      <c r="Q63" s="373"/>
      <c r="R63" s="373"/>
      <c r="S63" s="373"/>
      <c r="T63" s="373"/>
      <c r="U63" s="373"/>
      <c r="V63" s="373"/>
      <c r="W63" s="374"/>
      <c r="X63" s="372" t="s">
        <v>91</v>
      </c>
      <c r="Y63" s="373"/>
      <c r="Z63" s="373"/>
      <c r="AA63" s="373"/>
      <c r="AB63" s="373"/>
      <c r="AC63" s="373"/>
      <c r="AD63" s="373"/>
      <c r="AE63" s="373"/>
      <c r="AF63" s="373"/>
      <c r="AG63" s="373"/>
      <c r="AH63" s="374"/>
      <c r="AI63" s="372" t="s">
        <v>530</v>
      </c>
      <c r="AJ63" s="373"/>
      <c r="AK63" s="373"/>
      <c r="AL63" s="373"/>
      <c r="AM63" s="373"/>
      <c r="AN63" s="373"/>
      <c r="AO63" s="373"/>
      <c r="AP63" s="373"/>
      <c r="AQ63" s="373"/>
      <c r="AR63" s="373"/>
      <c r="AS63" s="374"/>
    </row>
    <row r="64" spans="1:56" ht="72">
      <c r="A64" s="32" t="s">
        <v>71</v>
      </c>
      <c r="B64" s="33" t="s">
        <v>72</v>
      </c>
      <c r="C64" s="34" t="s">
        <v>592</v>
      </c>
      <c r="D64" s="35" t="s">
        <v>73</v>
      </c>
      <c r="E64" s="33" t="s">
        <v>162</v>
      </c>
      <c r="F64" s="84" t="s">
        <v>92</v>
      </c>
      <c r="G64" s="33" t="s">
        <v>163</v>
      </c>
      <c r="H64" s="84" t="s">
        <v>93</v>
      </c>
      <c r="I64" s="33" t="s">
        <v>164</v>
      </c>
      <c r="J64" s="84" t="s">
        <v>94</v>
      </c>
      <c r="K64" s="33" t="s">
        <v>301</v>
      </c>
      <c r="L64" s="84" t="s">
        <v>300</v>
      </c>
      <c r="M64" s="60" t="s">
        <v>72</v>
      </c>
      <c r="N64" s="61" t="s">
        <v>592</v>
      </c>
      <c r="O64" s="62" t="s">
        <v>73</v>
      </c>
      <c r="P64" s="60" t="s">
        <v>165</v>
      </c>
      <c r="Q64" s="83" t="s">
        <v>95</v>
      </c>
      <c r="R64" s="60" t="s">
        <v>166</v>
      </c>
      <c r="S64" s="83" t="s">
        <v>96</v>
      </c>
      <c r="T64" s="60" t="s">
        <v>167</v>
      </c>
      <c r="U64" s="83" t="s">
        <v>97</v>
      </c>
      <c r="V64" s="60" t="s">
        <v>301</v>
      </c>
      <c r="W64" s="83" t="s">
        <v>300</v>
      </c>
      <c r="X64" s="33" t="s">
        <v>72</v>
      </c>
      <c r="Y64" s="34" t="s">
        <v>592</v>
      </c>
      <c r="Z64" s="35" t="s">
        <v>73</v>
      </c>
      <c r="AA64" s="33" t="s">
        <v>168</v>
      </c>
      <c r="AB64" s="84" t="s">
        <v>98</v>
      </c>
      <c r="AC64" s="33" t="s">
        <v>169</v>
      </c>
      <c r="AD64" s="84" t="s">
        <v>99</v>
      </c>
      <c r="AE64" s="33" t="s">
        <v>170</v>
      </c>
      <c r="AF64" s="84" t="s">
        <v>100</v>
      </c>
      <c r="AG64" s="33" t="s">
        <v>301</v>
      </c>
      <c r="AH64" s="84" t="s">
        <v>300</v>
      </c>
      <c r="AI64" s="60" t="s">
        <v>72</v>
      </c>
      <c r="AJ64" s="61" t="s">
        <v>592</v>
      </c>
      <c r="AK64" s="62" t="s">
        <v>73</v>
      </c>
      <c r="AL64" s="60" t="s">
        <v>171</v>
      </c>
      <c r="AM64" s="83" t="s">
        <v>101</v>
      </c>
      <c r="AN64" s="60" t="s">
        <v>172</v>
      </c>
      <c r="AO64" s="83" t="s">
        <v>102</v>
      </c>
      <c r="AP64" s="60" t="s">
        <v>173</v>
      </c>
      <c r="AQ64" s="83" t="s">
        <v>103</v>
      </c>
      <c r="AR64" s="60" t="s">
        <v>301</v>
      </c>
      <c r="AS64" s="83" t="s">
        <v>300</v>
      </c>
    </row>
    <row r="65" spans="1:45" ht="93" customHeight="1">
      <c r="A65" s="36"/>
      <c r="B65" s="37" t="s">
        <v>74</v>
      </c>
      <c r="C65" s="38" t="s">
        <v>104</v>
      </c>
      <c r="D65" s="39" t="s">
        <v>76</v>
      </c>
      <c r="E65" s="37" t="s">
        <v>159</v>
      </c>
      <c r="F65" s="86" t="s">
        <v>88</v>
      </c>
      <c r="G65" s="37" t="s">
        <v>160</v>
      </c>
      <c r="H65" s="86" t="s">
        <v>88</v>
      </c>
      <c r="I65" s="37" t="s">
        <v>161</v>
      </c>
      <c r="J65" s="86" t="s">
        <v>88</v>
      </c>
      <c r="K65" s="37" t="s">
        <v>301</v>
      </c>
      <c r="L65" s="86" t="s">
        <v>88</v>
      </c>
      <c r="M65" s="63" t="s">
        <v>74</v>
      </c>
      <c r="N65" s="64" t="s">
        <v>104</v>
      </c>
      <c r="O65" s="65" t="s">
        <v>76</v>
      </c>
      <c r="P65" s="63" t="s">
        <v>159</v>
      </c>
      <c r="Q65" s="85" t="s">
        <v>88</v>
      </c>
      <c r="R65" s="63" t="s">
        <v>160</v>
      </c>
      <c r="S65" s="85" t="s">
        <v>88</v>
      </c>
      <c r="T65" s="63" t="s">
        <v>161</v>
      </c>
      <c r="U65" s="85" t="s">
        <v>88</v>
      </c>
      <c r="V65" s="63" t="s">
        <v>301</v>
      </c>
      <c r="W65" s="85" t="s">
        <v>88</v>
      </c>
      <c r="X65" s="37" t="s">
        <v>74</v>
      </c>
      <c r="Y65" s="38" t="s">
        <v>104</v>
      </c>
      <c r="Z65" s="39" t="s">
        <v>76</v>
      </c>
      <c r="AA65" s="37" t="s">
        <v>159</v>
      </c>
      <c r="AB65" s="86" t="s">
        <v>88</v>
      </c>
      <c r="AC65" s="37" t="s">
        <v>160</v>
      </c>
      <c r="AD65" s="86" t="s">
        <v>88</v>
      </c>
      <c r="AE65" s="37" t="s">
        <v>161</v>
      </c>
      <c r="AF65" s="86" t="s">
        <v>88</v>
      </c>
      <c r="AG65" s="37" t="s">
        <v>301</v>
      </c>
      <c r="AH65" s="86" t="s">
        <v>88</v>
      </c>
      <c r="AI65" s="63" t="s">
        <v>74</v>
      </c>
      <c r="AJ65" s="64" t="s">
        <v>104</v>
      </c>
      <c r="AK65" s="65" t="s">
        <v>76</v>
      </c>
      <c r="AL65" s="63" t="s">
        <v>159</v>
      </c>
      <c r="AM65" s="85" t="s">
        <v>88</v>
      </c>
      <c r="AN65" s="63" t="s">
        <v>160</v>
      </c>
      <c r="AO65" s="85" t="s">
        <v>88</v>
      </c>
      <c r="AP65" s="63" t="s">
        <v>161</v>
      </c>
      <c r="AQ65" s="85" t="s">
        <v>88</v>
      </c>
      <c r="AR65" s="63" t="s">
        <v>301</v>
      </c>
      <c r="AS65" s="85" t="s">
        <v>88</v>
      </c>
    </row>
    <row r="66" spans="1:45">
      <c r="A66" s="40" t="s">
        <v>350</v>
      </c>
      <c r="B66" s="95">
        <v>9587</v>
      </c>
      <c r="C66" s="96">
        <v>4.7645673363610266</v>
      </c>
      <c r="D66" s="97">
        <v>3.2470281938239864E-2</v>
      </c>
      <c r="E66" s="98">
        <v>0.19260779367091921</v>
      </c>
      <c r="F66" s="89">
        <v>8.0554027415301651E-3</v>
      </c>
      <c r="G66" s="98">
        <v>0.1910011506598602</v>
      </c>
      <c r="H66" s="89">
        <v>8.0297470112099534E-3</v>
      </c>
      <c r="I66" s="98">
        <v>0.59332223383235894</v>
      </c>
      <c r="J66" s="89">
        <v>1.0031713314593604E-2</v>
      </c>
      <c r="K66" s="88">
        <v>2.3068821836876016E-2</v>
      </c>
      <c r="L66" s="89">
        <v>3.0786677539269953E-3</v>
      </c>
      <c r="M66" s="95">
        <v>9525</v>
      </c>
      <c r="N66" s="96">
        <v>4.8634041288784955</v>
      </c>
      <c r="O66" s="97">
        <v>2.8981977849818125E-2</v>
      </c>
      <c r="P66" s="98">
        <v>0.15211679045525403</v>
      </c>
      <c r="Q66" s="89">
        <v>7.3609502787117158E-3</v>
      </c>
      <c r="R66" s="98">
        <v>0.2139504044151809</v>
      </c>
      <c r="S66" s="89">
        <v>8.4038157902556615E-3</v>
      </c>
      <c r="T66" s="98">
        <v>0.61699650465571054</v>
      </c>
      <c r="U66" s="89">
        <v>9.9600062311628133E-3</v>
      </c>
      <c r="V66" s="88">
        <v>1.6936300473869743E-2</v>
      </c>
      <c r="W66" s="89">
        <v>2.6591698489265765E-3</v>
      </c>
      <c r="X66" s="95">
        <v>9532</v>
      </c>
      <c r="Y66" s="96">
        <v>4.5434250236800198</v>
      </c>
      <c r="Z66" s="97">
        <v>3.2096927325012257E-2</v>
      </c>
      <c r="AA66" s="98">
        <v>0.21102858220833592</v>
      </c>
      <c r="AB66" s="89">
        <v>8.3587142342470694E-3</v>
      </c>
      <c r="AC66" s="98">
        <v>0.22363503398901788</v>
      </c>
      <c r="AD66" s="89">
        <v>8.5355176633382865E-3</v>
      </c>
      <c r="AE66" s="98">
        <v>0.51770555079985736</v>
      </c>
      <c r="AF66" s="89">
        <v>1.0233981926751921E-2</v>
      </c>
      <c r="AG66" s="88">
        <v>4.7630833002804358E-2</v>
      </c>
      <c r="AH66" s="89">
        <v>4.3703247696647738E-3</v>
      </c>
      <c r="AI66" s="95">
        <v>9523</v>
      </c>
      <c r="AJ66" s="96">
        <v>5.0396573548051702</v>
      </c>
      <c r="AK66" s="97">
        <v>2.9709827966179159E-2</v>
      </c>
      <c r="AL66" s="98">
        <v>0.13259713198835449</v>
      </c>
      <c r="AM66" s="89">
        <v>6.9525361740756355E-3</v>
      </c>
      <c r="AN66" s="98">
        <v>0.18688087604825138</v>
      </c>
      <c r="AO66" s="89">
        <v>7.9896733487732109E-3</v>
      </c>
      <c r="AP66" s="98">
        <v>0.67007233551241685</v>
      </c>
      <c r="AQ66" s="89">
        <v>9.6348725483679353E-3</v>
      </c>
      <c r="AR66" s="88">
        <v>1.0449656450990847E-2</v>
      </c>
      <c r="AS66" s="89">
        <v>2.103810063985888E-3</v>
      </c>
    </row>
    <row r="67" spans="1:45">
      <c r="A67" s="44" t="s">
        <v>351</v>
      </c>
      <c r="B67" s="99">
        <v>7203</v>
      </c>
      <c r="C67" s="100">
        <v>4.7479309104914273</v>
      </c>
      <c r="D67" s="101">
        <v>3.7710878836364599E-2</v>
      </c>
      <c r="E67" s="102">
        <v>0.19515814002687937</v>
      </c>
      <c r="F67" s="92">
        <v>9.3399353216683054E-3</v>
      </c>
      <c r="G67" s="102">
        <v>0.19035355791910077</v>
      </c>
      <c r="H67" s="92">
        <v>9.2518972962617949E-3</v>
      </c>
      <c r="I67" s="102">
        <v>0.5939864969946318</v>
      </c>
      <c r="J67" s="92">
        <v>1.1569646394047898E-2</v>
      </c>
      <c r="K67" s="91">
        <v>2.0501805059392125E-2</v>
      </c>
      <c r="L67" s="92">
        <v>3.3596357772601505E-3</v>
      </c>
      <c r="M67" s="99">
        <v>7153</v>
      </c>
      <c r="N67" s="100">
        <v>4.942380447568687</v>
      </c>
      <c r="O67" s="101">
        <v>3.3352412965629775E-2</v>
      </c>
      <c r="P67" s="102">
        <v>0.14204428375844136</v>
      </c>
      <c r="Q67" s="92">
        <v>8.2577890463465947E-3</v>
      </c>
      <c r="R67" s="102">
        <v>0.20676950433505983</v>
      </c>
      <c r="S67" s="92">
        <v>9.5771128563941522E-3</v>
      </c>
      <c r="T67" s="102">
        <v>0.63794247605367704</v>
      </c>
      <c r="U67" s="92">
        <v>1.1362241746809646E-2</v>
      </c>
      <c r="V67" s="91">
        <v>1.3243735852824789E-2</v>
      </c>
      <c r="W67" s="92">
        <v>2.7297955825830856E-3</v>
      </c>
      <c r="X67" s="99">
        <v>7160</v>
      </c>
      <c r="Y67" s="100">
        <v>4.406807802240631</v>
      </c>
      <c r="Z67" s="101">
        <v>3.768881409209994E-2</v>
      </c>
      <c r="AA67" s="102">
        <v>0.24370743026260969</v>
      </c>
      <c r="AB67" s="92">
        <v>1.0146537980582904E-2</v>
      </c>
      <c r="AC67" s="102">
        <v>0.225137811468125</v>
      </c>
      <c r="AD67" s="92">
        <v>9.8717380005026983E-3</v>
      </c>
      <c r="AE67" s="102">
        <v>0.48723641608191742</v>
      </c>
      <c r="AF67" s="92">
        <v>1.1810840982307648E-2</v>
      </c>
      <c r="AG67" s="91">
        <v>4.3918342187352577E-2</v>
      </c>
      <c r="AH67" s="92">
        <v>4.8553470116026376E-3</v>
      </c>
      <c r="AI67" s="99">
        <v>7151</v>
      </c>
      <c r="AJ67" s="100">
        <v>5.1012093799995002</v>
      </c>
      <c r="AK67" s="101">
        <v>3.4352209260024504E-2</v>
      </c>
      <c r="AL67" s="102">
        <v>0.12875691863748154</v>
      </c>
      <c r="AM67" s="92">
        <v>7.924614397251872E-3</v>
      </c>
      <c r="AN67" s="102">
        <v>0.17678537881662404</v>
      </c>
      <c r="AO67" s="92">
        <v>9.0235837056217814E-3</v>
      </c>
      <c r="AP67" s="102">
        <v>0.68718981784452582</v>
      </c>
      <c r="AQ67" s="92">
        <v>1.0963356522155991E-2</v>
      </c>
      <c r="AR67" s="91">
        <v>7.2678847013721605E-3</v>
      </c>
      <c r="AS67" s="92">
        <v>2.0457990671446584E-3</v>
      </c>
    </row>
    <row r="68" spans="1:45">
      <c r="A68" s="40" t="s">
        <v>352</v>
      </c>
      <c r="B68" s="95">
        <v>2384</v>
      </c>
      <c r="C68" s="96">
        <v>4.7811048007923818</v>
      </c>
      <c r="D68" s="97">
        <v>6.3701856656381756E-2</v>
      </c>
      <c r="E68" s="98">
        <v>0.19008583215813676</v>
      </c>
      <c r="F68" s="89">
        <v>1.6075341035770102E-2</v>
      </c>
      <c r="G68" s="98">
        <v>0.19164153582335763</v>
      </c>
      <c r="H68" s="89">
        <v>1.612520802485078E-2</v>
      </c>
      <c r="I68" s="98">
        <v>0.5926653637857785</v>
      </c>
      <c r="J68" s="89">
        <v>2.0110326896807636E-2</v>
      </c>
      <c r="K68" s="88">
        <v>2.5607268232729699E-2</v>
      </c>
      <c r="L68" s="89">
        <v>6.5617586368503754E-3</v>
      </c>
      <c r="M68" s="95">
        <v>2372</v>
      </c>
      <c r="N68" s="96">
        <v>4.7849602358788701</v>
      </c>
      <c r="O68" s="97">
        <v>5.8225632643737299E-2</v>
      </c>
      <c r="P68" s="98">
        <v>0.1620470442860093</v>
      </c>
      <c r="Q68" s="89">
        <v>1.5140866549873639E-2</v>
      </c>
      <c r="R68" s="98">
        <v>0.22102988946049026</v>
      </c>
      <c r="S68" s="89">
        <v>1.7038157395403375E-2</v>
      </c>
      <c r="T68" s="98">
        <v>0.59634635082859999</v>
      </c>
      <c r="U68" s="89">
        <v>2.0132081077849626E-2</v>
      </c>
      <c r="V68" s="88">
        <v>2.0576715424902456E-2</v>
      </c>
      <c r="W68" s="89">
        <v>5.9354776152824619E-3</v>
      </c>
      <c r="X68" s="95">
        <v>2372</v>
      </c>
      <c r="Y68" s="96">
        <v>4.6795675511580068</v>
      </c>
      <c r="Z68" s="97">
        <v>6.0088393487999082E-2</v>
      </c>
      <c r="AA68" s="98">
        <v>0.17871477233453401</v>
      </c>
      <c r="AB68" s="89">
        <v>1.5737913760833624E-2</v>
      </c>
      <c r="AC68" s="98">
        <v>0.22214904324472934</v>
      </c>
      <c r="AD68" s="89">
        <v>1.706881317262236E-2</v>
      </c>
      <c r="AE68" s="98">
        <v>0.54783433087983369</v>
      </c>
      <c r="AF68" s="89">
        <v>2.0421467150458297E-2</v>
      </c>
      <c r="AG68" s="88">
        <v>5.1301853540904302E-2</v>
      </c>
      <c r="AH68" s="89">
        <v>9.1146163776364073E-3</v>
      </c>
      <c r="AI68" s="95">
        <v>2372</v>
      </c>
      <c r="AJ68" s="96">
        <v>4.9785221347237956</v>
      </c>
      <c r="AK68" s="97">
        <v>5.9095460341213164E-2</v>
      </c>
      <c r="AL68" s="98">
        <v>0.13638705150860969</v>
      </c>
      <c r="AM68" s="89">
        <v>1.4108192763953682E-2</v>
      </c>
      <c r="AN68" s="98">
        <v>0.19684415634780802</v>
      </c>
      <c r="AO68" s="89">
        <v>1.6330226114806935E-2</v>
      </c>
      <c r="AP68" s="98">
        <v>0.65317903441146385</v>
      </c>
      <c r="AQ68" s="89">
        <v>1.9532202524649853E-2</v>
      </c>
      <c r="AR68" s="88">
        <v>1.35897577321204E-2</v>
      </c>
      <c r="AS68" s="89">
        <v>4.8895238745895594E-3</v>
      </c>
    </row>
    <row r="69" spans="1:45">
      <c r="A69" s="44" t="s">
        <v>555</v>
      </c>
      <c r="B69" s="99">
        <v>2572</v>
      </c>
      <c r="C69" s="100">
        <v>4.7038418530206103</v>
      </c>
      <c r="D69" s="101">
        <v>6.4870134567988111E-2</v>
      </c>
      <c r="E69" s="102">
        <v>0.211538514804022</v>
      </c>
      <c r="F69" s="92">
        <v>1.6105638608026787E-2</v>
      </c>
      <c r="G69" s="102">
        <v>0.18907353307604907</v>
      </c>
      <c r="H69" s="92">
        <v>1.5444990183380894E-2</v>
      </c>
      <c r="I69" s="102">
        <v>0.57616586552104065</v>
      </c>
      <c r="J69" s="92">
        <v>1.9473535282948103E-2</v>
      </c>
      <c r="K69" s="91">
        <v>2.3222086598899398E-2</v>
      </c>
      <c r="L69" s="92">
        <v>6.0263689668078498E-3</v>
      </c>
      <c r="M69" s="99">
        <v>2547</v>
      </c>
      <c r="N69" s="100">
        <v>4.7847549170829176</v>
      </c>
      <c r="O69" s="101">
        <v>5.6341514667881003E-2</v>
      </c>
      <c r="P69" s="102">
        <v>0.17056042198619037</v>
      </c>
      <c r="Q69" s="92">
        <v>1.49117173003385E-2</v>
      </c>
      <c r="R69" s="102">
        <v>0.21579924691653127</v>
      </c>
      <c r="S69" s="92">
        <v>1.6301886932320878E-2</v>
      </c>
      <c r="T69" s="102">
        <v>0.59544744321370713</v>
      </c>
      <c r="U69" s="92">
        <v>1.9436125342255042E-2</v>
      </c>
      <c r="V69" s="91">
        <v>1.8192887883581879E-2</v>
      </c>
      <c r="W69" s="92">
        <v>5.3989163436521399E-3</v>
      </c>
      <c r="X69" s="99">
        <v>2553</v>
      </c>
      <c r="Y69" s="100">
        <v>4.5852646310483838</v>
      </c>
      <c r="Z69" s="101">
        <v>6.3373394970333882E-2</v>
      </c>
      <c r="AA69" s="102">
        <v>0.19454893354608654</v>
      </c>
      <c r="AB69" s="92">
        <v>1.5671207347258753E-2</v>
      </c>
      <c r="AC69" s="102">
        <v>0.23337752155095148</v>
      </c>
      <c r="AD69" s="92">
        <v>1.6739962430810211E-2</v>
      </c>
      <c r="AE69" s="102">
        <v>0.5226923793053877</v>
      </c>
      <c r="AF69" s="92">
        <v>1.9755512520075829E-2</v>
      </c>
      <c r="AG69" s="91">
        <v>4.9381165597585125E-2</v>
      </c>
      <c r="AH69" s="92">
        <v>8.6271091706434325E-3</v>
      </c>
      <c r="AI69" s="99">
        <v>2548</v>
      </c>
      <c r="AJ69" s="100">
        <v>4.9315558229422853</v>
      </c>
      <c r="AK69" s="101">
        <v>6.0103644669630744E-2</v>
      </c>
      <c r="AL69" s="102">
        <v>0.15512944859105915</v>
      </c>
      <c r="AM69" s="92">
        <v>1.4353183308482799E-2</v>
      </c>
      <c r="AN69" s="102">
        <v>0.19895702111808553</v>
      </c>
      <c r="AO69" s="92">
        <v>1.5819168118074954E-2</v>
      </c>
      <c r="AP69" s="102">
        <v>0.63757316351104631</v>
      </c>
      <c r="AQ69" s="92">
        <v>1.9033583111779724E-2</v>
      </c>
      <c r="AR69" s="91">
        <v>8.3403667798184773E-3</v>
      </c>
      <c r="AS69" s="92">
        <v>3.7617075275865131E-3</v>
      </c>
    </row>
    <row r="70" spans="1:45">
      <c r="A70" s="40" t="s">
        <v>556</v>
      </c>
      <c r="B70" s="95">
        <v>2149</v>
      </c>
      <c r="C70" s="96">
        <v>4.7672586110192192</v>
      </c>
      <c r="D70" s="97">
        <v>7.0818792340119535E-2</v>
      </c>
      <c r="E70" s="98">
        <v>0.20352865970220946</v>
      </c>
      <c r="F70" s="89">
        <v>1.7371706761466418E-2</v>
      </c>
      <c r="G70" s="98">
        <v>0.17283324924413332</v>
      </c>
      <c r="H70" s="89">
        <v>1.632002716276475E-2</v>
      </c>
      <c r="I70" s="98">
        <v>0.59658886607299022</v>
      </c>
      <c r="J70" s="89">
        <v>2.1147096109517233E-2</v>
      </c>
      <c r="K70" s="88">
        <v>2.7049224980665913E-2</v>
      </c>
      <c r="L70" s="89">
        <v>7.101930462850751E-3</v>
      </c>
      <c r="M70" s="95">
        <v>2125</v>
      </c>
      <c r="N70" s="96">
        <v>4.8884329767418757</v>
      </c>
      <c r="O70" s="97">
        <v>6.1017011409459566E-2</v>
      </c>
      <c r="P70" s="98">
        <v>0.15261409544399132</v>
      </c>
      <c r="Q70" s="89">
        <v>1.5614909415335625E-2</v>
      </c>
      <c r="R70" s="98">
        <v>0.20983871576210905</v>
      </c>
      <c r="S70" s="89">
        <v>1.7666739065944233E-2</v>
      </c>
      <c r="T70" s="98">
        <v>0.62511884912408178</v>
      </c>
      <c r="U70" s="89">
        <v>2.0985760590742173E-2</v>
      </c>
      <c r="V70" s="88">
        <v>1.2428339669816752E-2</v>
      </c>
      <c r="W70" s="89">
        <v>4.9736410582072342E-3</v>
      </c>
      <c r="X70" s="95">
        <v>2133</v>
      </c>
      <c r="Y70" s="96">
        <v>4.4231112249915432</v>
      </c>
      <c r="Z70" s="97">
        <v>6.975004990810578E-2</v>
      </c>
      <c r="AA70" s="98">
        <v>0.22601083824660775</v>
      </c>
      <c r="AB70" s="89">
        <v>1.8109566493174929E-2</v>
      </c>
      <c r="AC70" s="98">
        <v>0.24479352090224932</v>
      </c>
      <c r="AD70" s="89">
        <v>1.8614290230709443E-2</v>
      </c>
      <c r="AE70" s="98">
        <v>0.48752747395180707</v>
      </c>
      <c r="AF70" s="89">
        <v>2.1625346829124845E-2</v>
      </c>
      <c r="AG70" s="88">
        <v>4.1668166899335342E-2</v>
      </c>
      <c r="AH70" s="89">
        <v>8.7300918285364258E-3</v>
      </c>
      <c r="AI70" s="95">
        <v>2129</v>
      </c>
      <c r="AJ70" s="96">
        <v>5.0106499425019608</v>
      </c>
      <c r="AK70" s="97">
        <v>6.56916755694089E-2</v>
      </c>
      <c r="AL70" s="98">
        <v>0.1394927015117822</v>
      </c>
      <c r="AM70" s="89">
        <v>1.5033731569095791E-2</v>
      </c>
      <c r="AN70" s="98">
        <v>0.19975545444805917</v>
      </c>
      <c r="AO70" s="89">
        <v>1.7332197253980546E-2</v>
      </c>
      <c r="AP70" s="98">
        <v>0.65598907121254568</v>
      </c>
      <c r="AQ70" s="89">
        <v>2.0575798854000665E-2</v>
      </c>
      <c r="AR70" s="88">
        <v>4.7627728276130035E-3</v>
      </c>
      <c r="AS70" s="89">
        <v>3.2576772052625557E-3</v>
      </c>
    </row>
    <row r="71" spans="1:45">
      <c r="A71" s="44" t="s">
        <v>536</v>
      </c>
      <c r="B71" s="99">
        <v>238</v>
      </c>
      <c r="C71" s="100">
        <v>4.8337818651352311</v>
      </c>
      <c r="D71" s="101">
        <v>0.20152894012932568</v>
      </c>
      <c r="E71" s="102">
        <v>0.15330346294305824</v>
      </c>
      <c r="F71" s="92">
        <v>4.7017172189272642E-2</v>
      </c>
      <c r="G71" s="102">
        <v>0.21044840907452955</v>
      </c>
      <c r="H71" s="92">
        <v>5.2838213219239191E-2</v>
      </c>
      <c r="I71" s="102">
        <v>0.62315967234447522</v>
      </c>
      <c r="J71" s="92">
        <v>6.2367742061000687E-2</v>
      </c>
      <c r="K71" s="91">
        <v>1.308845563793737E-2</v>
      </c>
      <c r="L71" s="92">
        <v>1.8492717042992067E-2</v>
      </c>
      <c r="M71" s="99">
        <v>236</v>
      </c>
      <c r="N71" s="100">
        <v>4.8658750643461364</v>
      </c>
      <c r="O71" s="101">
        <v>0.17598899589303615</v>
      </c>
      <c r="P71" s="102">
        <v>0.10913297779574573</v>
      </c>
      <c r="Q71" s="92">
        <v>4.1286216530550264E-2</v>
      </c>
      <c r="R71" s="102">
        <v>0.26842135588238436</v>
      </c>
      <c r="S71" s="92">
        <v>5.7466520255520473E-2</v>
      </c>
      <c r="T71" s="102">
        <v>0.61293721315863192</v>
      </c>
      <c r="U71" s="92">
        <v>6.293737672620503E-2</v>
      </c>
      <c r="V71" s="91">
        <v>9.5084531632386553E-3</v>
      </c>
      <c r="W71" s="92">
        <v>1.7014999629783641E-2</v>
      </c>
      <c r="X71" s="99">
        <v>236</v>
      </c>
      <c r="Y71" s="100">
        <v>4.4704354417620209</v>
      </c>
      <c r="Z71" s="101">
        <v>0.206334066514888</v>
      </c>
      <c r="AA71" s="102">
        <v>0.24615993833112004</v>
      </c>
      <c r="AB71" s="92">
        <v>5.5930783181794362E-2</v>
      </c>
      <c r="AC71" s="102">
        <v>0.19240489564493177</v>
      </c>
      <c r="AD71" s="92">
        <v>5.1399220947899872E-2</v>
      </c>
      <c r="AE71" s="102">
        <v>0.53165757095423072</v>
      </c>
      <c r="AF71" s="92">
        <v>6.4424494117599068E-2</v>
      </c>
      <c r="AG71" s="91">
        <v>2.977759506971802E-2</v>
      </c>
      <c r="AH71" s="92">
        <v>2.4562768022042235E-2</v>
      </c>
      <c r="AI71" s="99">
        <v>234</v>
      </c>
      <c r="AJ71" s="100">
        <v>5.0872918478554139</v>
      </c>
      <c r="AK71" s="101">
        <v>0.17588923035343579</v>
      </c>
      <c r="AL71" s="102">
        <v>0.11907674117764408</v>
      </c>
      <c r="AM71" s="92">
        <v>4.2944928639702527E-2</v>
      </c>
      <c r="AN71" s="102">
        <v>0.11231072110230732</v>
      </c>
      <c r="AO71" s="92">
        <v>4.1949703470394055E-2</v>
      </c>
      <c r="AP71" s="102">
        <v>0.73895777190637046</v>
      </c>
      <c r="AQ71" s="92">
        <v>5.7218791265389771E-2</v>
      </c>
      <c r="AR71" s="91">
        <v>2.9654765813678229E-2</v>
      </c>
      <c r="AS71" s="92">
        <v>2.4648450813103448E-2</v>
      </c>
    </row>
    <row r="72" spans="1:45">
      <c r="A72" s="40" t="s">
        <v>537</v>
      </c>
      <c r="B72" s="95">
        <v>121</v>
      </c>
      <c r="C72" s="96">
        <v>5.0048654600101967</v>
      </c>
      <c r="D72" s="97">
        <v>0.26897229976191928</v>
      </c>
      <c r="E72" s="98">
        <v>0.12663652817953838</v>
      </c>
      <c r="F72" s="89">
        <v>6.1807077931268786E-2</v>
      </c>
      <c r="G72" s="98">
        <v>0.20049457823841835</v>
      </c>
      <c r="H72" s="89">
        <v>7.2871540629651441E-2</v>
      </c>
      <c r="I72" s="98">
        <v>0.67239229216720819</v>
      </c>
      <c r="J72" s="89">
        <v>8.4314172055519915E-2</v>
      </c>
      <c r="K72" s="88">
        <v>4.7660141483460709E-4</v>
      </c>
      <c r="L72" s="89">
        <v>2.2761633769238995E-2</v>
      </c>
      <c r="M72" s="95">
        <v>120</v>
      </c>
      <c r="N72" s="96">
        <v>4.7994989586830146</v>
      </c>
      <c r="O72" s="97">
        <v>0.2408951832706322</v>
      </c>
      <c r="P72" s="98">
        <v>0.10009392367393197</v>
      </c>
      <c r="Q72" s="89">
        <v>5.6860454141692905E-2</v>
      </c>
      <c r="R72" s="98">
        <v>0.33645398191994991</v>
      </c>
      <c r="S72" s="89">
        <v>8.5184903147508526E-2</v>
      </c>
      <c r="T72" s="98">
        <v>0.54685744119802393</v>
      </c>
      <c r="U72" s="89">
        <v>8.9432574777329424E-2</v>
      </c>
      <c r="V72" s="88">
        <v>1.6594653208093727E-2</v>
      </c>
      <c r="W72" s="89">
        <v>3.1700352418376494E-2</v>
      </c>
      <c r="X72" s="95">
        <v>121</v>
      </c>
      <c r="Y72" s="96">
        <v>4.7227036156051101</v>
      </c>
      <c r="Z72" s="97">
        <v>0.25983973949230921</v>
      </c>
      <c r="AA72" s="98">
        <v>0.17970693235800489</v>
      </c>
      <c r="AB72" s="89">
        <v>7.017074276140102E-2</v>
      </c>
      <c r="AC72" s="98">
        <v>0.23590765920736934</v>
      </c>
      <c r="AD72" s="89">
        <v>7.6868195102346507E-2</v>
      </c>
      <c r="AE72" s="98">
        <v>0.56124651344732501</v>
      </c>
      <c r="AF72" s="89">
        <v>8.8811728251458749E-2</v>
      </c>
      <c r="AG72" s="88">
        <v>2.3138894987300086E-2</v>
      </c>
      <c r="AH72" s="89">
        <v>3.4373947976268866E-2</v>
      </c>
      <c r="AI72" s="95">
        <v>119</v>
      </c>
      <c r="AJ72" s="96">
        <v>5.0976961376271568</v>
      </c>
      <c r="AK72" s="97">
        <v>0.21817010256754044</v>
      </c>
      <c r="AL72" s="98">
        <v>0.11580195676436739</v>
      </c>
      <c r="AM72" s="89">
        <v>6.0307150570793604E-2</v>
      </c>
      <c r="AN72" s="98">
        <v>0.11989607329905523</v>
      </c>
      <c r="AO72" s="89">
        <v>6.1091751826410239E-2</v>
      </c>
      <c r="AP72" s="98">
        <v>0.76430196993657684</v>
      </c>
      <c r="AQ72" s="89">
        <v>7.7483602389292069E-2</v>
      </c>
      <c r="AR72" s="88">
        <v>0</v>
      </c>
      <c r="AS72" s="89">
        <v>2.2807622255924295E-2</v>
      </c>
    </row>
    <row r="73" spans="1:45">
      <c r="A73" s="44" t="s">
        <v>538</v>
      </c>
      <c r="B73" s="99">
        <v>60</v>
      </c>
      <c r="C73" s="100">
        <v>4.2271376957069062</v>
      </c>
      <c r="D73" s="101">
        <v>0.43075599465395736</v>
      </c>
      <c r="E73" s="102">
        <v>0.25545284326930262</v>
      </c>
      <c r="F73" s="92">
        <v>0.11108512935781852</v>
      </c>
      <c r="G73" s="102">
        <v>0.25334113043194084</v>
      </c>
      <c r="H73" s="92">
        <v>0.11082836342172056</v>
      </c>
      <c r="I73" s="102">
        <v>0.49120602629875615</v>
      </c>
      <c r="J73" s="92">
        <v>0.12498300651673368</v>
      </c>
      <c r="K73" s="91">
        <v>0</v>
      </c>
      <c r="L73" s="92">
        <v>4.3498159084609543E-2</v>
      </c>
      <c r="M73" s="99">
        <v>61</v>
      </c>
      <c r="N73" s="100">
        <v>4.7847186978618206</v>
      </c>
      <c r="O73" s="101">
        <v>0.39439811118538864</v>
      </c>
      <c r="P73" s="102">
        <v>0.18877461494797243</v>
      </c>
      <c r="Q73" s="92">
        <v>0.10067260916097157</v>
      </c>
      <c r="R73" s="102">
        <v>8.6405242514830449E-2</v>
      </c>
      <c r="S73" s="92">
        <v>7.8189193912647822E-2</v>
      </c>
      <c r="T73" s="102">
        <v>0.72482014253719695</v>
      </c>
      <c r="U73" s="92">
        <v>0.11245109864747015</v>
      </c>
      <c r="V73" s="91">
        <v>0</v>
      </c>
      <c r="W73" s="92">
        <v>4.2839582851592964E-2</v>
      </c>
      <c r="X73" s="99">
        <v>61</v>
      </c>
      <c r="Y73" s="100">
        <v>3.6302133324183075</v>
      </c>
      <c r="Z73" s="101">
        <v>0.36086201751107627</v>
      </c>
      <c r="AA73" s="102">
        <v>0.44578730295975733</v>
      </c>
      <c r="AB73" s="92">
        <v>0.12339095555595322</v>
      </c>
      <c r="AC73" s="102">
        <v>0.20121650148963049</v>
      </c>
      <c r="AD73" s="92">
        <v>0.10269525414615699</v>
      </c>
      <c r="AE73" s="102">
        <v>0.35299619555061185</v>
      </c>
      <c r="AF73" s="92">
        <v>0.11921996509032848</v>
      </c>
      <c r="AG73" s="91">
        <v>0</v>
      </c>
      <c r="AH73" s="92">
        <v>4.2839582851592964E-2</v>
      </c>
      <c r="AI73" s="99">
        <v>61</v>
      </c>
      <c r="AJ73" s="100">
        <v>4.7947374096136004</v>
      </c>
      <c r="AK73" s="101">
        <v>0.41707165121389245</v>
      </c>
      <c r="AL73" s="102">
        <v>0.17584692497416549</v>
      </c>
      <c r="AM73" s="92">
        <v>9.8436766194587216E-2</v>
      </c>
      <c r="AN73" s="102">
        <v>0.13797695961293288</v>
      </c>
      <c r="AO73" s="92">
        <v>9.1002464616601914E-2</v>
      </c>
      <c r="AP73" s="102">
        <v>0.62675777367155172</v>
      </c>
      <c r="AQ73" s="92">
        <v>0.12047321103991876</v>
      </c>
      <c r="AR73" s="91">
        <v>5.9418341741349766E-2</v>
      </c>
      <c r="AS73" s="92">
        <v>6.9743898534836465E-2</v>
      </c>
    </row>
    <row r="74" spans="1:45">
      <c r="A74" s="40" t="s">
        <v>539</v>
      </c>
      <c r="B74" s="95">
        <v>156</v>
      </c>
      <c r="C74" s="96">
        <v>4.6775207032229167</v>
      </c>
      <c r="D74" s="97">
        <v>0.28844123667487476</v>
      </c>
      <c r="E74" s="98">
        <v>0.21341925518500957</v>
      </c>
      <c r="F74" s="89">
        <v>6.55603867703584E-2</v>
      </c>
      <c r="G74" s="98">
        <v>0.23897592704066525</v>
      </c>
      <c r="H74" s="89">
        <v>6.8049711275979849E-2</v>
      </c>
      <c r="I74" s="98">
        <v>0.5213525846222864</v>
      </c>
      <c r="J74" s="89">
        <v>7.8988381869646962E-2</v>
      </c>
      <c r="K74" s="88">
        <v>2.6252233152039284E-2</v>
      </c>
      <c r="L74" s="89">
        <v>3.0267403111524468E-2</v>
      </c>
      <c r="M74" s="95">
        <v>155</v>
      </c>
      <c r="N74" s="96">
        <v>5.0953319124286818</v>
      </c>
      <c r="O74" s="97">
        <v>0.22128648665775963</v>
      </c>
      <c r="P74" s="98">
        <v>0.10577073613003997</v>
      </c>
      <c r="Q74" s="89">
        <v>5.0731661853004484E-2</v>
      </c>
      <c r="R74" s="98">
        <v>0.17886883109311832</v>
      </c>
      <c r="S74" s="89">
        <v>6.1837318830522417E-2</v>
      </c>
      <c r="T74" s="98">
        <v>0.71479335673623812</v>
      </c>
      <c r="U74" s="89">
        <v>7.2016059089350187E-2</v>
      </c>
      <c r="V74" s="88">
        <v>5.6707604060394828E-4</v>
      </c>
      <c r="W74" s="89">
        <v>1.8055812821373952E-2</v>
      </c>
      <c r="X74" s="95">
        <v>154</v>
      </c>
      <c r="Y74" s="96">
        <v>4.1133020440074377</v>
      </c>
      <c r="Z74" s="97">
        <v>0.30656387033063015</v>
      </c>
      <c r="AA74" s="98">
        <v>0.35912675249940684</v>
      </c>
      <c r="AB74" s="89">
        <v>7.6497180015962007E-2</v>
      </c>
      <c r="AC74" s="98">
        <v>0.16124830201747259</v>
      </c>
      <c r="AD74" s="89">
        <v>5.9742909841007809E-2</v>
      </c>
      <c r="AE74" s="98">
        <v>0.44185495346810927</v>
      </c>
      <c r="AF74" s="89">
        <v>7.9043037275702388E-2</v>
      </c>
      <c r="AG74" s="88">
        <v>3.7769992015011813E-2</v>
      </c>
      <c r="AH74" s="89">
        <v>3.4503544860911339E-2</v>
      </c>
      <c r="AI74" s="95">
        <v>156</v>
      </c>
      <c r="AJ74" s="96">
        <v>4.8299683403768094</v>
      </c>
      <c r="AK74" s="97">
        <v>0.26991137195148224</v>
      </c>
      <c r="AL74" s="98">
        <v>0.19832065611261451</v>
      </c>
      <c r="AM74" s="89">
        <v>6.3930277115290327E-2</v>
      </c>
      <c r="AN74" s="98">
        <v>0.19336704075239819</v>
      </c>
      <c r="AO74" s="89">
        <v>6.3367707081484939E-2</v>
      </c>
      <c r="AP74" s="98">
        <v>0.60774868014114392</v>
      </c>
      <c r="AQ74" s="89">
        <v>7.7292214148669963E-2</v>
      </c>
      <c r="AR74" s="88">
        <v>5.6362299384379259E-4</v>
      </c>
      <c r="AS74" s="89">
        <v>1.7943830501486596E-2</v>
      </c>
    </row>
    <row r="75" spans="1:45">
      <c r="A75" s="44" t="s">
        <v>540</v>
      </c>
      <c r="B75" s="99">
        <v>50</v>
      </c>
      <c r="C75" s="100">
        <v>3.7605057264381934</v>
      </c>
      <c r="D75" s="101">
        <v>0.46923188297471852</v>
      </c>
      <c r="E75" s="102">
        <v>0.37522503885366359</v>
      </c>
      <c r="F75" s="92">
        <v>0.13240014298731964</v>
      </c>
      <c r="G75" s="102">
        <v>0.34585044948176341</v>
      </c>
      <c r="H75" s="92">
        <v>0.13042035827216844</v>
      </c>
      <c r="I75" s="102">
        <v>0.27892451166457283</v>
      </c>
      <c r="J75" s="92">
        <v>0.12415584709267614</v>
      </c>
      <c r="K75" s="91">
        <v>0</v>
      </c>
      <c r="L75" s="92">
        <v>5.1399160480645252E-2</v>
      </c>
      <c r="M75" s="99">
        <v>49</v>
      </c>
      <c r="N75" s="100">
        <v>4.7497680513540201</v>
      </c>
      <c r="O75" s="101">
        <v>0.4153713198252057</v>
      </c>
      <c r="P75" s="102">
        <v>0.11903113562294619</v>
      </c>
      <c r="Q75" s="92">
        <v>9.7494475532677385E-2</v>
      </c>
      <c r="R75" s="102">
        <v>0.26723132331283905</v>
      </c>
      <c r="S75" s="92">
        <v>0.12398674027370843</v>
      </c>
      <c r="T75" s="102">
        <v>0.61373754106421474</v>
      </c>
      <c r="U75" s="92">
        <v>0.13428854473330989</v>
      </c>
      <c r="V75" s="91">
        <v>0</v>
      </c>
      <c r="W75" s="92">
        <v>5.2349950714565462E-2</v>
      </c>
      <c r="X75" s="99">
        <v>49</v>
      </c>
      <c r="Y75" s="100">
        <v>2.9841665466276388</v>
      </c>
      <c r="Z75" s="101">
        <v>0.46432747064975605</v>
      </c>
      <c r="AA75" s="102">
        <v>0.58412770159521987</v>
      </c>
      <c r="AB75" s="92">
        <v>0.13568846507625759</v>
      </c>
      <c r="AC75" s="102">
        <v>0.23811706320393322</v>
      </c>
      <c r="AD75" s="92">
        <v>0.12018186960142951</v>
      </c>
      <c r="AE75" s="102">
        <v>0.17775523520084655</v>
      </c>
      <c r="AF75" s="92">
        <v>0.11031380583510672</v>
      </c>
      <c r="AG75" s="91">
        <v>0</v>
      </c>
      <c r="AH75" s="92">
        <v>5.2349950714565462E-2</v>
      </c>
      <c r="AI75" s="99">
        <v>50</v>
      </c>
      <c r="AJ75" s="100">
        <v>3.8232983282342121</v>
      </c>
      <c r="AK75" s="101">
        <v>0.45704371782139175</v>
      </c>
      <c r="AL75" s="102">
        <v>0.32691070065831035</v>
      </c>
      <c r="AM75" s="92">
        <v>0.12890255001998177</v>
      </c>
      <c r="AN75" s="102">
        <v>0.24045022988497844</v>
      </c>
      <c r="AO75" s="92">
        <v>0.11933284969779641</v>
      </c>
      <c r="AP75" s="102">
        <v>0.43263906945671105</v>
      </c>
      <c r="AQ75" s="92">
        <v>0.13501984200431086</v>
      </c>
      <c r="AR75" s="91">
        <v>0</v>
      </c>
      <c r="AS75" s="92">
        <v>5.1399160480645252E-2</v>
      </c>
    </row>
    <row r="76" spans="1:45">
      <c r="A76" s="40" t="s">
        <v>541</v>
      </c>
      <c r="B76" s="95">
        <v>62</v>
      </c>
      <c r="C76" s="96">
        <v>4.895399431670592</v>
      </c>
      <c r="D76" s="97">
        <v>0.38409826969765865</v>
      </c>
      <c r="E76" s="98">
        <v>0.15831346195634807</v>
      </c>
      <c r="F76" s="89">
        <v>9.4379297509901663E-2</v>
      </c>
      <c r="G76" s="98">
        <v>0.24476120101022192</v>
      </c>
      <c r="H76" s="89">
        <v>0.10801527730945727</v>
      </c>
      <c r="I76" s="98">
        <v>0.57298663397665706</v>
      </c>
      <c r="J76" s="89">
        <v>0.12192871424167888</v>
      </c>
      <c r="K76" s="88">
        <v>2.3938703056773116E-2</v>
      </c>
      <c r="L76" s="89">
        <v>5.5050403045630227E-2</v>
      </c>
      <c r="M76" s="95">
        <v>62</v>
      </c>
      <c r="N76" s="96">
        <v>5.1232191046547104</v>
      </c>
      <c r="O76" s="97">
        <v>0.28255153437462543</v>
      </c>
      <c r="P76" s="98">
        <v>0.11081727928947797</v>
      </c>
      <c r="Q76" s="89">
        <v>8.3969563690420412E-2</v>
      </c>
      <c r="R76" s="98">
        <v>0.16356872639237793</v>
      </c>
      <c r="S76" s="89">
        <v>9.5383681542417706E-2</v>
      </c>
      <c r="T76" s="98">
        <v>0.72561399431814411</v>
      </c>
      <c r="U76" s="89">
        <v>0.11148617493700819</v>
      </c>
      <c r="V76" s="88">
        <v>0</v>
      </c>
      <c r="W76" s="89">
        <v>4.2200643868047963E-2</v>
      </c>
      <c r="X76" s="95">
        <v>61</v>
      </c>
      <c r="Y76" s="96">
        <v>4.463498559703682</v>
      </c>
      <c r="Z76" s="97">
        <v>0.44876086712464713</v>
      </c>
      <c r="AA76" s="98">
        <v>0.23398163619065396</v>
      </c>
      <c r="AB76" s="89">
        <v>0.10746759786975892</v>
      </c>
      <c r="AC76" s="98">
        <v>0.17929285253152977</v>
      </c>
      <c r="AD76" s="89">
        <v>9.9046613028346539E-2</v>
      </c>
      <c r="AE76" s="98">
        <v>0.5332046495285272</v>
      </c>
      <c r="AF76" s="89">
        <v>0.12379361838277395</v>
      </c>
      <c r="AG76" s="88">
        <v>5.3520861749289182E-2</v>
      </c>
      <c r="AH76" s="89">
        <v>6.768072915035471E-2</v>
      </c>
      <c r="AI76" s="95">
        <v>62</v>
      </c>
      <c r="AJ76" s="96">
        <v>5.1607793539485805</v>
      </c>
      <c r="AK76" s="97">
        <v>0.37649370549570521</v>
      </c>
      <c r="AL76" s="98">
        <v>0.12148783737440619</v>
      </c>
      <c r="AM76" s="89">
        <v>8.6539019181281485E-2</v>
      </c>
      <c r="AN76" s="98">
        <v>0.21069174662669821</v>
      </c>
      <c r="AO76" s="89">
        <v>0.1033202332037465</v>
      </c>
      <c r="AP76" s="98">
        <v>0.66782041599889552</v>
      </c>
      <c r="AQ76" s="89">
        <v>0.11681288869345424</v>
      </c>
      <c r="AR76" s="88">
        <v>0</v>
      </c>
      <c r="AS76" s="89">
        <v>4.2200643868047963E-2</v>
      </c>
    </row>
    <row r="77" spans="1:45">
      <c r="A77" s="44" t="s">
        <v>542</v>
      </c>
      <c r="B77" s="99">
        <v>44</v>
      </c>
      <c r="C77" s="100">
        <v>5.4107837961799214</v>
      </c>
      <c r="D77" s="101">
        <v>0.58254743808137732</v>
      </c>
      <c r="E77" s="102">
        <v>0.11506876107140948</v>
      </c>
      <c r="F77" s="92">
        <v>0.10226367544416778</v>
      </c>
      <c r="G77" s="102">
        <v>0.1173542761695551</v>
      </c>
      <c r="H77" s="92">
        <v>0.10286253708695334</v>
      </c>
      <c r="I77" s="102">
        <v>0.71025133102961535</v>
      </c>
      <c r="J77" s="92">
        <v>0.13318376966079962</v>
      </c>
      <c r="K77" s="91">
        <v>5.7325631729419901E-2</v>
      </c>
      <c r="L77" s="92">
        <v>8.433003892893344E-2</v>
      </c>
      <c r="M77" s="99">
        <v>44</v>
      </c>
      <c r="N77" s="100">
        <v>5.4194458255080109</v>
      </c>
      <c r="O77" s="101">
        <v>0.45450976210718536</v>
      </c>
      <c r="P77" s="102">
        <v>8.5141502953927084E-2</v>
      </c>
      <c r="Q77" s="92">
        <v>9.3711361540387297E-2</v>
      </c>
      <c r="R77" s="102">
        <v>0.10712319425949687</v>
      </c>
      <c r="S77" s="92">
        <v>0.10012545856014604</v>
      </c>
      <c r="T77" s="102">
        <v>0.80581421370256023</v>
      </c>
      <c r="U77" s="92">
        <v>0.1195182209260614</v>
      </c>
      <c r="V77" s="91">
        <v>1.9210890840157197E-3</v>
      </c>
      <c r="W77" s="92">
        <v>5.8837136024564793E-2</v>
      </c>
      <c r="X77" s="99">
        <v>44</v>
      </c>
      <c r="Y77" s="100">
        <v>4.9272232531188447</v>
      </c>
      <c r="Z77" s="101">
        <v>0.60315431023181731</v>
      </c>
      <c r="AA77" s="102">
        <v>0.28365541721982246</v>
      </c>
      <c r="AB77" s="92">
        <v>0.13249868448355986</v>
      </c>
      <c r="AC77" s="102">
        <v>5.5815042946285975E-2</v>
      </c>
      <c r="AD77" s="92">
        <v>8.3771993364229094E-2</v>
      </c>
      <c r="AE77" s="102">
        <v>0.60320390810447166</v>
      </c>
      <c r="AF77" s="92">
        <v>0.14173042551253789</v>
      </c>
      <c r="AG77" s="91">
        <v>5.7325631729419901E-2</v>
      </c>
      <c r="AH77" s="92">
        <v>8.433003892893344E-2</v>
      </c>
      <c r="AI77" s="99">
        <v>44</v>
      </c>
      <c r="AJ77" s="100">
        <v>5.4592179285574876</v>
      </c>
      <c r="AK77" s="101">
        <v>0.51598231571945208</v>
      </c>
      <c r="AL77" s="102">
        <v>0.16453759529690959</v>
      </c>
      <c r="AM77" s="92">
        <v>0.11381246244617015</v>
      </c>
      <c r="AN77" s="102">
        <v>0.11994007871861451</v>
      </c>
      <c r="AO77" s="92">
        <v>0.10353164551468325</v>
      </c>
      <c r="AP77" s="102">
        <v>0.71360123690046007</v>
      </c>
      <c r="AQ77" s="92">
        <v>0.13280998832689483</v>
      </c>
      <c r="AR77" s="91">
        <v>1.9210890840157197E-3</v>
      </c>
      <c r="AS77" s="92">
        <v>5.8837136024564793E-2</v>
      </c>
    </row>
    <row r="78" spans="1:45">
      <c r="A78" s="40" t="s">
        <v>543</v>
      </c>
      <c r="B78" s="78">
        <v>388</v>
      </c>
      <c r="C78" s="79">
        <v>4.9151213951540544</v>
      </c>
      <c r="D78" s="80">
        <v>0.16570183305911645</v>
      </c>
      <c r="E78" s="93">
        <v>0.17855617659968878</v>
      </c>
      <c r="F78" s="89">
        <v>3.8962541705786474E-2</v>
      </c>
      <c r="G78" s="93">
        <v>0.15932130369609007</v>
      </c>
      <c r="H78" s="89">
        <v>3.7292904731910888E-2</v>
      </c>
      <c r="I78" s="93">
        <v>0.64089647939627237</v>
      </c>
      <c r="J78" s="89">
        <v>4.8503235132818255E-2</v>
      </c>
      <c r="K78" s="93">
        <v>2.1226040307949896E-2</v>
      </c>
      <c r="L78" s="89">
        <v>1.6108585309153271E-2</v>
      </c>
      <c r="M78" s="78">
        <v>381</v>
      </c>
      <c r="N78" s="79">
        <v>4.9206612352563903</v>
      </c>
      <c r="O78" s="80">
        <v>0.14112041445443024</v>
      </c>
      <c r="P78" s="93">
        <v>0.14084771067156945</v>
      </c>
      <c r="Q78" s="89">
        <v>3.5846139989812002E-2</v>
      </c>
      <c r="R78" s="93">
        <v>0.19319090640678321</v>
      </c>
      <c r="S78" s="89">
        <v>4.0492295883082702E-2</v>
      </c>
      <c r="T78" s="93">
        <v>0.63937628396845592</v>
      </c>
      <c r="U78" s="89">
        <v>4.8987229344739411E-2</v>
      </c>
      <c r="V78" s="93">
        <v>2.658509895319244E-2</v>
      </c>
      <c r="W78" s="89">
        <v>1.7804482875863691E-2</v>
      </c>
      <c r="X78" s="78">
        <v>386</v>
      </c>
      <c r="Y78" s="79">
        <v>4.5496587722916209</v>
      </c>
      <c r="Z78" s="80">
        <v>0.14746659994403094</v>
      </c>
      <c r="AA78" s="93">
        <v>0.17563200764894446</v>
      </c>
      <c r="AB78" s="89">
        <v>3.8820109207463385E-2</v>
      </c>
      <c r="AC78" s="93">
        <v>0.24717891298215011</v>
      </c>
      <c r="AD78" s="89">
        <v>4.3839558635146297E-2</v>
      </c>
      <c r="AE78" s="93">
        <v>0.51552641058531168</v>
      </c>
      <c r="AF78" s="89">
        <v>5.0613046886852961E-2</v>
      </c>
      <c r="AG78" s="93">
        <v>6.1662668783594526E-2</v>
      </c>
      <c r="AH78" s="89">
        <v>2.517253236281514E-2</v>
      </c>
      <c r="AI78" s="78">
        <v>382</v>
      </c>
      <c r="AJ78" s="79">
        <v>5.0029447744801976</v>
      </c>
      <c r="AK78" s="80">
        <v>0.16498455822005478</v>
      </c>
      <c r="AL78" s="93">
        <v>0.15644251497828093</v>
      </c>
      <c r="AM78" s="89">
        <v>3.7319768392019302E-2</v>
      </c>
      <c r="AN78" s="93">
        <v>0.16986624338757014</v>
      </c>
      <c r="AO78" s="89">
        <v>3.8529824771501249E-2</v>
      </c>
      <c r="AP78" s="93">
        <v>0.66703365804496184</v>
      </c>
      <c r="AQ78" s="89">
        <v>4.8036579798375008E-2</v>
      </c>
      <c r="AR78" s="93">
        <v>6.6575835891883118E-3</v>
      </c>
      <c r="AS78" s="89">
        <v>1.0978740050012653E-2</v>
      </c>
    </row>
    <row r="79" spans="1:45">
      <c r="A79" s="44" t="s">
        <v>616</v>
      </c>
      <c r="B79" s="99">
        <v>186</v>
      </c>
      <c r="C79" s="100">
        <v>4.7963286909017899</v>
      </c>
      <c r="D79" s="101">
        <v>0.24857378925759641</v>
      </c>
      <c r="E79" s="102">
        <v>0.20274702558417249</v>
      </c>
      <c r="F79" s="92">
        <v>5.8995432480903866E-2</v>
      </c>
      <c r="G79" s="102">
        <v>0.15388911746943176</v>
      </c>
      <c r="H79" s="92">
        <v>5.3350493161253655E-2</v>
      </c>
      <c r="I79" s="102">
        <v>0.61685603195825323</v>
      </c>
      <c r="J79" s="92">
        <v>7.0623326536473227E-2</v>
      </c>
      <c r="K79" s="91">
        <v>2.6507824988141242E-2</v>
      </c>
      <c r="L79" s="92">
        <v>2.720122938277111E-2</v>
      </c>
      <c r="M79" s="99">
        <v>184</v>
      </c>
      <c r="N79" s="100">
        <v>4.94672412957111</v>
      </c>
      <c r="O79" s="101">
        <v>0.21570715331525153</v>
      </c>
      <c r="P79" s="102">
        <v>0.13598762405917561</v>
      </c>
      <c r="Q79" s="92">
        <v>5.1172116131087651E-2</v>
      </c>
      <c r="R79" s="102">
        <v>0.19844544625074342</v>
      </c>
      <c r="S79" s="92">
        <v>5.8871165893777277E-2</v>
      </c>
      <c r="T79" s="102">
        <v>0.66109386421300231</v>
      </c>
      <c r="U79" s="92">
        <v>6.921156691371684E-2</v>
      </c>
      <c r="V79" s="91">
        <v>4.473065477077375E-3</v>
      </c>
      <c r="W79" s="92">
        <v>1.7739669291602103E-2</v>
      </c>
      <c r="X79" s="99">
        <v>185</v>
      </c>
      <c r="Y79" s="100">
        <v>4.3844006516621956</v>
      </c>
      <c r="Z79" s="101">
        <v>0.22723265235634996</v>
      </c>
      <c r="AA79" s="102">
        <v>0.22303093902279308</v>
      </c>
      <c r="AB79" s="92">
        <v>6.1118471423301721E-2</v>
      </c>
      <c r="AC79" s="102">
        <v>0.27794380098539362</v>
      </c>
      <c r="AD79" s="92">
        <v>6.5506752311718999E-2</v>
      </c>
      <c r="AE79" s="102">
        <v>0.46524656661372094</v>
      </c>
      <c r="AF79" s="92">
        <v>7.2570750988895469E-2</v>
      </c>
      <c r="AG79" s="91">
        <v>3.3778693378090995E-2</v>
      </c>
      <c r="AH79" s="92">
        <v>2.972211837842555E-2</v>
      </c>
      <c r="AI79" s="99">
        <v>185</v>
      </c>
      <c r="AJ79" s="100">
        <v>4.8518082280086974</v>
      </c>
      <c r="AK79" s="101">
        <v>0.24433492398301707</v>
      </c>
      <c r="AL79" s="102">
        <v>0.1896252808449484</v>
      </c>
      <c r="AM79" s="92">
        <v>5.7772029552987575E-2</v>
      </c>
      <c r="AN79" s="102">
        <v>0.18031656139892616</v>
      </c>
      <c r="AO79" s="92">
        <v>5.6733395511172541E-2</v>
      </c>
      <c r="AP79" s="102">
        <v>0.62946459948455069</v>
      </c>
      <c r="AQ79" s="92">
        <v>7.0364263677678562E-2</v>
      </c>
      <c r="AR79" s="91">
        <v>5.9355827157340103E-4</v>
      </c>
      <c r="AS79" s="92">
        <v>1.5284528300400408E-2</v>
      </c>
    </row>
    <row r="80" spans="1:45">
      <c r="A80" s="52" t="s">
        <v>544</v>
      </c>
      <c r="B80" s="95">
        <v>202</v>
      </c>
      <c r="C80" s="96">
        <v>5.0144732831051648</v>
      </c>
      <c r="D80" s="97">
        <v>0.22038261598528167</v>
      </c>
      <c r="E80" s="98">
        <v>0.15812174393942485</v>
      </c>
      <c r="F80" s="89">
        <v>5.1692565323302894E-2</v>
      </c>
      <c r="G80" s="98">
        <v>0.16390996628159291</v>
      </c>
      <c r="H80" s="89">
        <v>5.2396464882866256E-2</v>
      </c>
      <c r="I80" s="98">
        <v>0.66120386524328478</v>
      </c>
      <c r="J80" s="89">
        <v>6.6099763897892586E-2</v>
      </c>
      <c r="K80" s="88">
        <v>1.6764424535696109E-2</v>
      </c>
      <c r="L80" s="89">
        <v>2.223612932413252E-2</v>
      </c>
      <c r="M80" s="95">
        <v>197</v>
      </c>
      <c r="N80" s="96">
        <v>4.8973999740418401</v>
      </c>
      <c r="O80" s="97">
        <v>0.18376965693727979</v>
      </c>
      <c r="P80" s="98">
        <v>0.14500657228016439</v>
      </c>
      <c r="Q80" s="89">
        <v>5.0656484930798662E-2</v>
      </c>
      <c r="R80" s="98">
        <v>0.18869450422906189</v>
      </c>
      <c r="S80" s="89">
        <v>5.5879697946280976E-2</v>
      </c>
      <c r="T80" s="98">
        <v>0.62079216851662045</v>
      </c>
      <c r="U80" s="89">
        <v>6.8528847822740144E-2</v>
      </c>
      <c r="V80" s="88">
        <v>4.5506754974151589E-2</v>
      </c>
      <c r="W80" s="89">
        <v>3.203714939026589E-2</v>
      </c>
      <c r="X80" s="95">
        <v>201</v>
      </c>
      <c r="Y80" s="96">
        <v>4.6977899752551311</v>
      </c>
      <c r="Z80" s="97">
        <v>0.18684370542875958</v>
      </c>
      <c r="AA80" s="98">
        <v>0.13541190095183159</v>
      </c>
      <c r="AB80" s="89">
        <v>4.8832657428424645E-2</v>
      </c>
      <c r="AC80" s="98">
        <v>0.22107353376472116</v>
      </c>
      <c r="AD80" s="89">
        <v>5.8469337807006395E-2</v>
      </c>
      <c r="AE80" s="98">
        <v>0.55819110007590955</v>
      </c>
      <c r="AF80" s="89">
        <v>6.9386812721664845E-2</v>
      </c>
      <c r="AG80" s="88">
        <v>8.5323465207536114E-2</v>
      </c>
      <c r="AH80" s="89">
        <v>4.0650420632174708E-2</v>
      </c>
      <c r="AI80" s="95">
        <v>197</v>
      </c>
      <c r="AJ80" s="96">
        <v>5.13454200440039</v>
      </c>
      <c r="AK80" s="97">
        <v>0.22140357256695367</v>
      </c>
      <c r="AL80" s="98">
        <v>0.1278759347945766</v>
      </c>
      <c r="AM80" s="89">
        <v>4.8249008891456294E-2</v>
      </c>
      <c r="AN80" s="98">
        <v>0.16086971040969383</v>
      </c>
      <c r="AO80" s="89">
        <v>5.2693157815814615E-2</v>
      </c>
      <c r="AP80" s="98">
        <v>0.69937633641313834</v>
      </c>
      <c r="AQ80" s="89">
        <v>6.4924826064851379E-2</v>
      </c>
      <c r="AR80" s="88">
        <v>1.1878018382590111E-2</v>
      </c>
      <c r="AS80" s="89">
        <v>2.0503939195598956E-2</v>
      </c>
    </row>
    <row r="81" spans="1:45">
      <c r="A81" s="44" t="s">
        <v>545</v>
      </c>
      <c r="B81" s="99">
        <v>81</v>
      </c>
      <c r="C81" s="100">
        <v>4.532807541833745</v>
      </c>
      <c r="D81" s="101">
        <v>0.39858884437136494</v>
      </c>
      <c r="E81" s="102">
        <v>0.2479404369719492</v>
      </c>
      <c r="F81" s="92">
        <v>9.5129620867400094E-2</v>
      </c>
      <c r="G81" s="102">
        <v>0.23334052273876391</v>
      </c>
      <c r="H81" s="92">
        <v>9.3413112410535779E-2</v>
      </c>
      <c r="I81" s="102">
        <v>0.49414485773781225</v>
      </c>
      <c r="J81" s="92">
        <v>0.10845847521900003</v>
      </c>
      <c r="K81" s="91">
        <v>2.4574182551474467E-2</v>
      </c>
      <c r="L81" s="92">
        <v>4.5886369196267221E-2</v>
      </c>
      <c r="M81" s="99">
        <v>81</v>
      </c>
      <c r="N81" s="100">
        <v>4.5619754621808868</v>
      </c>
      <c r="O81" s="101">
        <v>0.33250559622205955</v>
      </c>
      <c r="P81" s="102">
        <v>0.23828381117435515</v>
      </c>
      <c r="Q81" s="92">
        <v>9.4008653849209409E-2</v>
      </c>
      <c r="R81" s="102">
        <v>0.27936609209307806</v>
      </c>
      <c r="S81" s="92">
        <v>9.8409578660370409E-2</v>
      </c>
      <c r="T81" s="102">
        <v>0.46562871112435866</v>
      </c>
      <c r="U81" s="92">
        <v>0.10823225299597768</v>
      </c>
      <c r="V81" s="91">
        <v>1.6721385608207989E-2</v>
      </c>
      <c r="W81" s="92">
        <v>4.2235479121587816E-2</v>
      </c>
      <c r="X81" s="99">
        <v>81</v>
      </c>
      <c r="Y81" s="100">
        <v>4.4423247668557204</v>
      </c>
      <c r="Z81" s="101">
        <v>0.37006795080078736</v>
      </c>
      <c r="AA81" s="102">
        <v>0.21618257188687554</v>
      </c>
      <c r="AB81" s="92">
        <v>9.1227105804485648E-2</v>
      </c>
      <c r="AC81" s="102">
        <v>0.28212548008381716</v>
      </c>
      <c r="AD81" s="92">
        <v>9.8671950996368218E-2</v>
      </c>
      <c r="AE81" s="102">
        <v>0.47304298947777407</v>
      </c>
      <c r="AF81" s="92">
        <v>0.10832198272948179</v>
      </c>
      <c r="AG81" s="91">
        <v>2.8648958551533016E-2</v>
      </c>
      <c r="AH81" s="92">
        <v>4.7648949829937892E-2</v>
      </c>
      <c r="AI81" s="99">
        <v>81</v>
      </c>
      <c r="AJ81" s="100">
        <v>4.9673532540180636</v>
      </c>
      <c r="AK81" s="101">
        <v>0.35556266249709811</v>
      </c>
      <c r="AL81" s="102">
        <v>0.15522914088281417</v>
      </c>
      <c r="AM81" s="92">
        <v>8.1762150642318482E-2</v>
      </c>
      <c r="AN81" s="102">
        <v>0.24142854599983632</v>
      </c>
      <c r="AO81" s="92">
        <v>9.4379801322697368E-2</v>
      </c>
      <c r="AP81" s="102">
        <v>0.59363801466447341</v>
      </c>
      <c r="AQ81" s="92">
        <v>0.10672399495654693</v>
      </c>
      <c r="AR81" s="91">
        <v>9.7042984528759625E-3</v>
      </c>
      <c r="AS81" s="92">
        <v>3.8625016685666071E-2</v>
      </c>
    </row>
    <row r="82" spans="1:45">
      <c r="A82" s="52" t="s">
        <v>546</v>
      </c>
      <c r="B82" s="95">
        <v>186</v>
      </c>
      <c r="C82" s="96">
        <v>4.2388595935927142</v>
      </c>
      <c r="D82" s="97">
        <v>0.24804206735546125</v>
      </c>
      <c r="E82" s="98">
        <v>0.30043440084904433</v>
      </c>
      <c r="F82" s="89">
        <v>6.6780523835817868E-2</v>
      </c>
      <c r="G82" s="98">
        <v>0.18127925615480125</v>
      </c>
      <c r="H82" s="89">
        <v>5.6689224783402464E-2</v>
      </c>
      <c r="I82" s="98">
        <v>0.50472779285792724</v>
      </c>
      <c r="J82" s="89">
        <v>7.2544516888943575E-2</v>
      </c>
      <c r="K82" s="88">
        <v>1.3558550138228504E-2</v>
      </c>
      <c r="L82" s="89">
        <v>2.2115967198222175E-2</v>
      </c>
      <c r="M82" s="95">
        <v>184</v>
      </c>
      <c r="N82" s="96">
        <v>4.8227756045348604</v>
      </c>
      <c r="O82" s="97">
        <v>0.23041893002064023</v>
      </c>
      <c r="P82" s="98">
        <v>0.17099779102759713</v>
      </c>
      <c r="Q82" s="89">
        <v>5.5794952811606242E-2</v>
      </c>
      <c r="R82" s="98">
        <v>0.19615669388164497</v>
      </c>
      <c r="S82" s="89">
        <v>5.863083116599184E-2</v>
      </c>
      <c r="T82" s="98">
        <v>0.63256117296874426</v>
      </c>
      <c r="U82" s="89">
        <v>7.0434418709489827E-2</v>
      </c>
      <c r="V82" s="88">
        <v>2.8434212201484591E-4</v>
      </c>
      <c r="W82" s="89">
        <v>1.5156922595925706E-2</v>
      </c>
      <c r="X82" s="95">
        <v>183</v>
      </c>
      <c r="Y82" s="96">
        <v>3.8333840452384558</v>
      </c>
      <c r="Z82" s="97">
        <v>0.24705888275779897</v>
      </c>
      <c r="AA82" s="98">
        <v>0.40993491875361593</v>
      </c>
      <c r="AB82" s="89">
        <v>7.1982112312183572E-2</v>
      </c>
      <c r="AC82" s="98">
        <v>0.21767269502344194</v>
      </c>
      <c r="AD82" s="89">
        <v>6.0948794228511842E-2</v>
      </c>
      <c r="AE82" s="98">
        <v>0.33180331353134401</v>
      </c>
      <c r="AF82" s="89">
        <v>6.9051202161757363E-2</v>
      </c>
      <c r="AG82" s="88">
        <v>4.0589072691599372E-2</v>
      </c>
      <c r="AH82" s="89">
        <v>3.2000757633382761E-2</v>
      </c>
      <c r="AI82" s="95">
        <v>183</v>
      </c>
      <c r="AJ82" s="96">
        <v>4.6473653757182714</v>
      </c>
      <c r="AK82" s="97">
        <v>0.2335407535961313</v>
      </c>
      <c r="AL82" s="98">
        <v>0.21593204432823046</v>
      </c>
      <c r="AM82" s="89">
        <v>6.0782887129592379E-2</v>
      </c>
      <c r="AN82" s="98">
        <v>0.19652208554009135</v>
      </c>
      <c r="AO82" s="89">
        <v>5.8829777702018672E-2</v>
      </c>
      <c r="AP82" s="98">
        <v>0.58754587013167925</v>
      </c>
      <c r="AQ82" s="89">
        <v>7.2045751574364561E-2</v>
      </c>
      <c r="AR82" s="88">
        <v>0</v>
      </c>
      <c r="AS82" s="89">
        <v>1.504417746716019E-2</v>
      </c>
    </row>
    <row r="83" spans="1:45">
      <c r="A83" s="44" t="s">
        <v>557</v>
      </c>
      <c r="B83" s="99">
        <v>73</v>
      </c>
      <c r="C83" s="100">
        <v>4.2928911957068481</v>
      </c>
      <c r="D83" s="101">
        <v>0.39175063480684019</v>
      </c>
      <c r="E83" s="102">
        <v>0.26080547723313735</v>
      </c>
      <c r="F83" s="92">
        <v>0.10156589474006535</v>
      </c>
      <c r="G83" s="102">
        <v>0.23183131573856572</v>
      </c>
      <c r="H83" s="92">
        <v>9.8128756901395803E-2</v>
      </c>
      <c r="I83" s="102">
        <v>0.50736320702829696</v>
      </c>
      <c r="J83" s="92">
        <v>0.11394946927245497</v>
      </c>
      <c r="K83" s="91">
        <v>0</v>
      </c>
      <c r="L83" s="92">
        <v>3.6252631573966396E-2</v>
      </c>
      <c r="M83" s="99">
        <v>72</v>
      </c>
      <c r="N83" s="100">
        <v>4.7478458727090684</v>
      </c>
      <c r="O83" s="101">
        <v>0.36573847519487429</v>
      </c>
      <c r="P83" s="102">
        <v>0.20475734355160252</v>
      </c>
      <c r="Q83" s="92">
        <v>9.5080551262532648E-2</v>
      </c>
      <c r="R83" s="102">
        <v>0.15215919413451048</v>
      </c>
      <c r="S83" s="92">
        <v>8.6269998920066218E-2</v>
      </c>
      <c r="T83" s="102">
        <v>0.64308346231388713</v>
      </c>
      <c r="U83" s="92">
        <v>0.11041201568505142</v>
      </c>
      <c r="V83" s="91">
        <v>0</v>
      </c>
      <c r="W83" s="92">
        <v>3.6723195522334773E-2</v>
      </c>
      <c r="X83" s="99">
        <v>71</v>
      </c>
      <c r="Y83" s="100">
        <v>4.0209976577127113</v>
      </c>
      <c r="Z83" s="101">
        <v>0.40681933684964872</v>
      </c>
      <c r="AA83" s="102">
        <v>0.35993257246874366</v>
      </c>
      <c r="AB83" s="92">
        <v>0.11133564673979889</v>
      </c>
      <c r="AC83" s="102">
        <v>0.22843588352553743</v>
      </c>
      <c r="AD83" s="92">
        <v>9.9037909311917777E-2</v>
      </c>
      <c r="AE83" s="102">
        <v>0.35039348193568459</v>
      </c>
      <c r="AF83" s="92">
        <v>0.11074093496121407</v>
      </c>
      <c r="AG83" s="91">
        <v>6.1238062070034453E-2</v>
      </c>
      <c r="AH83" s="92">
        <v>6.4280630335805417E-2</v>
      </c>
      <c r="AI83" s="99">
        <v>70</v>
      </c>
      <c r="AJ83" s="100">
        <v>4.8945155649974268</v>
      </c>
      <c r="AK83" s="101">
        <v>0.35198682452285213</v>
      </c>
      <c r="AL83" s="102">
        <v>0.1874918409926761</v>
      </c>
      <c r="AM83" s="92">
        <v>9.3753928455725499E-2</v>
      </c>
      <c r="AN83" s="102">
        <v>0.10693288058141812</v>
      </c>
      <c r="AO83" s="92">
        <v>7.7720811190440553E-2</v>
      </c>
      <c r="AP83" s="102">
        <v>0.70557527842590584</v>
      </c>
      <c r="AQ83" s="92">
        <v>0.10709533572157259</v>
      </c>
      <c r="AR83" s="91">
        <v>0</v>
      </c>
      <c r="AS83" s="92">
        <v>3.7701936889887336E-2</v>
      </c>
    </row>
    <row r="84" spans="1:45">
      <c r="A84" s="52" t="s">
        <v>558</v>
      </c>
      <c r="B84" s="95">
        <v>68</v>
      </c>
      <c r="C84" s="96">
        <v>4.0011031885703474</v>
      </c>
      <c r="D84" s="97">
        <v>0.4307006766548428</v>
      </c>
      <c r="E84" s="98">
        <v>0.3892599353439955</v>
      </c>
      <c r="F84" s="89">
        <v>0.11524403671398202</v>
      </c>
      <c r="G84" s="98">
        <v>0.15476460318314841</v>
      </c>
      <c r="H84" s="89">
        <v>8.9345680564834995E-2</v>
      </c>
      <c r="I84" s="98">
        <v>0.45597546147285584</v>
      </c>
      <c r="J84" s="89">
        <v>0.11744294339107519</v>
      </c>
      <c r="K84" s="88">
        <v>0</v>
      </c>
      <c r="L84" s="89">
        <v>3.8734260487688681E-2</v>
      </c>
      <c r="M84" s="95">
        <v>68</v>
      </c>
      <c r="N84" s="96">
        <v>4.9803474273397512</v>
      </c>
      <c r="O84" s="97">
        <v>0.40229838567545717</v>
      </c>
      <c r="P84" s="98">
        <v>0.12654887274558824</v>
      </c>
      <c r="Q84" s="89">
        <v>8.3533093758427823E-2</v>
      </c>
      <c r="R84" s="98">
        <v>0.28519133559545345</v>
      </c>
      <c r="S84" s="89">
        <v>0.10771407505081627</v>
      </c>
      <c r="T84" s="98">
        <v>0.58825979165895792</v>
      </c>
      <c r="U84" s="89">
        <v>0.11620185954856251</v>
      </c>
      <c r="V84" s="88">
        <v>0</v>
      </c>
      <c r="W84" s="89">
        <v>3.8734260487688681E-2</v>
      </c>
      <c r="X84" s="95">
        <v>68</v>
      </c>
      <c r="Y84" s="96">
        <v>3.5437682352507154</v>
      </c>
      <c r="Z84" s="97">
        <v>0.41533680618969804</v>
      </c>
      <c r="AA84" s="98">
        <v>0.54852537322709849</v>
      </c>
      <c r="AB84" s="89">
        <v>0.11735502999532411</v>
      </c>
      <c r="AC84" s="98">
        <v>0.16351810962196769</v>
      </c>
      <c r="AD84" s="89">
        <v>9.0985499382038995E-2</v>
      </c>
      <c r="AE84" s="98">
        <v>0.26711397403789916</v>
      </c>
      <c r="AF84" s="89">
        <v>0.10583606699545101</v>
      </c>
      <c r="AG84" s="88">
        <v>2.0842543113034337E-2</v>
      </c>
      <c r="AH84" s="89">
        <v>5.0116376920568924E-2</v>
      </c>
      <c r="AI84" s="95">
        <v>68</v>
      </c>
      <c r="AJ84" s="96">
        <v>4.2947125713052454</v>
      </c>
      <c r="AK84" s="97">
        <v>0.41222415105148469</v>
      </c>
      <c r="AL84" s="103">
        <v>0.28202202418310007</v>
      </c>
      <c r="AM84" s="89">
        <v>0.1073980990498619</v>
      </c>
      <c r="AN84" s="98">
        <v>0.25263990458492869</v>
      </c>
      <c r="AO84" s="89">
        <v>0.10419604700371062</v>
      </c>
      <c r="AP84" s="98">
        <v>0.46533807123197107</v>
      </c>
      <c r="AQ84" s="89">
        <v>0.11759826550226325</v>
      </c>
      <c r="AR84" s="88">
        <v>0</v>
      </c>
      <c r="AS84" s="89">
        <v>3.8734260487688681E-2</v>
      </c>
    </row>
    <row r="85" spans="1:45">
      <c r="A85" s="44" t="s">
        <v>549</v>
      </c>
      <c r="B85" s="99">
        <v>45</v>
      </c>
      <c r="C85" s="100">
        <v>4.5440649906014832</v>
      </c>
      <c r="D85" s="101">
        <v>0.46255095668896345</v>
      </c>
      <c r="E85" s="102">
        <v>0.2295756535687371</v>
      </c>
      <c r="F85" s="92">
        <v>0.12398908083738318</v>
      </c>
      <c r="G85" s="102">
        <v>0.13029164448484098</v>
      </c>
      <c r="H85" s="92">
        <v>0.10486947448236576</v>
      </c>
      <c r="I85" s="102">
        <v>0.57922978266655345</v>
      </c>
      <c r="J85" s="92">
        <v>0.14133638691560624</v>
      </c>
      <c r="K85" s="91">
        <v>6.0902919279868205E-2</v>
      </c>
      <c r="L85" s="92">
        <v>8.4461069356619192E-2</v>
      </c>
      <c r="M85" s="99">
        <v>44</v>
      </c>
      <c r="N85" s="100">
        <v>4.7027550278288484</v>
      </c>
      <c r="O85" s="101">
        <v>0.43424958948419223</v>
      </c>
      <c r="P85" s="102">
        <v>0.18079541851723971</v>
      </c>
      <c r="Q85" s="92">
        <v>0.11704086975721126</v>
      </c>
      <c r="R85" s="102">
        <v>0.13158450097182842</v>
      </c>
      <c r="S85" s="92">
        <v>0.10643821137616666</v>
      </c>
      <c r="T85" s="102">
        <v>0.68632125037623315</v>
      </c>
      <c r="U85" s="92">
        <v>0.13565558280942577</v>
      </c>
      <c r="V85" s="91">
        <v>1.2988301346985817E-3</v>
      </c>
      <c r="W85" s="92">
        <v>5.8466882463555934E-2</v>
      </c>
      <c r="X85" s="99">
        <v>44</v>
      </c>
      <c r="Y85" s="100">
        <v>3.9801091693803747</v>
      </c>
      <c r="Z85" s="101">
        <v>0.46505363919281706</v>
      </c>
      <c r="AA85" s="102">
        <v>0.27299796345156652</v>
      </c>
      <c r="AB85" s="92">
        <v>0.13124422192692961</v>
      </c>
      <c r="AC85" s="102">
        <v>0.28765492181045371</v>
      </c>
      <c r="AD85" s="92">
        <v>0.13295096583754201</v>
      </c>
      <c r="AE85" s="102">
        <v>0.40463647137954672</v>
      </c>
      <c r="AF85" s="92">
        <v>0.1421144913019724</v>
      </c>
      <c r="AG85" s="91">
        <v>3.471064335843288E-2</v>
      </c>
      <c r="AH85" s="92">
        <v>7.5324158910549735E-2</v>
      </c>
      <c r="AI85" s="99">
        <v>45</v>
      </c>
      <c r="AJ85" s="100">
        <v>4.7770193465971937</v>
      </c>
      <c r="AK85" s="101">
        <v>0.44611838302436985</v>
      </c>
      <c r="AL85" s="102">
        <v>0.15946081800195575</v>
      </c>
      <c r="AM85" s="92">
        <v>0.11146287079473437</v>
      </c>
      <c r="AN85" s="102">
        <v>0.26633891932861276</v>
      </c>
      <c r="AO85" s="92">
        <v>0.12903173009258437</v>
      </c>
      <c r="AP85" s="102">
        <v>0.57420026266943147</v>
      </c>
      <c r="AQ85" s="92">
        <v>0.14152421532022091</v>
      </c>
      <c r="AR85" s="91">
        <v>0</v>
      </c>
      <c r="AS85" s="92">
        <v>5.6532709707479055E-2</v>
      </c>
    </row>
    <row r="86" spans="1:45">
      <c r="A86" s="52" t="s">
        <v>550</v>
      </c>
      <c r="B86" s="95">
        <v>127</v>
      </c>
      <c r="C86" s="96">
        <v>4.4199513593305086</v>
      </c>
      <c r="D86" s="97">
        <v>0.32315423826571371</v>
      </c>
      <c r="E86" s="98">
        <v>0.24974026577359626</v>
      </c>
      <c r="F86" s="89">
        <v>7.6395196173539903E-2</v>
      </c>
      <c r="G86" s="98">
        <v>0.20615157868278594</v>
      </c>
      <c r="H86" s="89">
        <v>7.1802462876903977E-2</v>
      </c>
      <c r="I86" s="98">
        <v>0.52202910058488261</v>
      </c>
      <c r="J86" s="89">
        <v>8.7290670308399695E-2</v>
      </c>
      <c r="K86" s="88">
        <v>2.207905495873495E-2</v>
      </c>
      <c r="L86" s="89">
        <v>3.2843473732141457E-2</v>
      </c>
      <c r="M86" s="95">
        <v>126</v>
      </c>
      <c r="N86" s="96">
        <v>4.7467449623610456</v>
      </c>
      <c r="O86" s="97">
        <v>0.2699966696090898</v>
      </c>
      <c r="P86" s="98">
        <v>0.15875700755649458</v>
      </c>
      <c r="Q86" s="89">
        <v>6.5775592929939009E-2</v>
      </c>
      <c r="R86" s="98">
        <v>0.26859392686113681</v>
      </c>
      <c r="S86" s="89">
        <v>7.8386780914349349E-2</v>
      </c>
      <c r="T86" s="98">
        <v>0.56723274319893191</v>
      </c>
      <c r="U86" s="89">
        <v>8.6957752332195964E-2</v>
      </c>
      <c r="V86" s="88">
        <v>5.4163223834364418E-3</v>
      </c>
      <c r="W86" s="89">
        <v>2.4935922875462809E-2</v>
      </c>
      <c r="X86" s="95">
        <v>125</v>
      </c>
      <c r="Y86" s="96">
        <v>3.9947847086163319</v>
      </c>
      <c r="Z86" s="97">
        <v>0.28663165054959655</v>
      </c>
      <c r="AA86" s="98">
        <v>0.30836388124087366</v>
      </c>
      <c r="AB86" s="89">
        <v>8.1747914745572442E-2</v>
      </c>
      <c r="AC86" s="98">
        <v>0.26608937403564942</v>
      </c>
      <c r="AD86" s="89">
        <v>7.8479018068506531E-2</v>
      </c>
      <c r="AE86" s="98">
        <v>0.40134392347080949</v>
      </c>
      <c r="AF86" s="89">
        <v>8.6420859289423016E-2</v>
      </c>
      <c r="AG86" s="88">
        <v>2.4202821252667119E-2</v>
      </c>
      <c r="AH86" s="89">
        <v>3.4071805116340635E-2</v>
      </c>
      <c r="AI86" s="95">
        <v>126</v>
      </c>
      <c r="AJ86" s="96">
        <v>5.065812543641937</v>
      </c>
      <c r="AK86" s="97">
        <v>0.24555320260310592</v>
      </c>
      <c r="AL86" s="103">
        <v>0.10062630025803417</v>
      </c>
      <c r="AM86" s="89">
        <v>5.5515760033170658E-2</v>
      </c>
      <c r="AN86" s="98">
        <v>0.23503877948048524</v>
      </c>
      <c r="AO86" s="89">
        <v>7.5253287097595337E-2</v>
      </c>
      <c r="AP86" s="98">
        <v>0.66433492026148055</v>
      </c>
      <c r="AQ86" s="89">
        <v>8.3136657064459912E-2</v>
      </c>
      <c r="AR86" s="88">
        <v>0</v>
      </c>
      <c r="AS86" s="89">
        <v>2.158912047524995E-2</v>
      </c>
    </row>
    <row r="87" spans="1:45">
      <c r="A87" s="44" t="s">
        <v>551</v>
      </c>
      <c r="B87" s="99">
        <v>444</v>
      </c>
      <c r="C87" s="100">
        <v>4.6458242019269127</v>
      </c>
      <c r="D87" s="101">
        <v>0.15935124039779011</v>
      </c>
      <c r="E87" s="102">
        <v>0.21960162702435648</v>
      </c>
      <c r="F87" s="92">
        <v>3.9276318655588394E-2</v>
      </c>
      <c r="G87" s="102">
        <v>0.1991692764126097</v>
      </c>
      <c r="H87" s="92">
        <v>3.7927293814396815E-2</v>
      </c>
      <c r="I87" s="102">
        <v>0.56019597144613831</v>
      </c>
      <c r="J87" s="92">
        <v>4.6908046683775219E-2</v>
      </c>
      <c r="K87" s="91">
        <v>2.1033125116889102E-2</v>
      </c>
      <c r="L87" s="92">
        <v>1.4841134455624072E-2</v>
      </c>
      <c r="M87" s="99">
        <v>442</v>
      </c>
      <c r="N87" s="100">
        <v>4.6752816630182927</v>
      </c>
      <c r="O87" s="101">
        <v>0.14153189593969273</v>
      </c>
      <c r="P87" s="102">
        <v>0.19152774017891816</v>
      </c>
      <c r="Q87" s="92">
        <v>3.7469752176695258E-2</v>
      </c>
      <c r="R87" s="102">
        <v>0.21923902004852644</v>
      </c>
      <c r="S87" s="92">
        <v>3.934222209286535E-2</v>
      </c>
      <c r="T87" s="102">
        <v>0.5666267926074563</v>
      </c>
      <c r="U87" s="92">
        <v>4.6936665568927373E-2</v>
      </c>
      <c r="V87" s="91">
        <v>2.2606447165093045E-2</v>
      </c>
      <c r="W87" s="92">
        <v>1.5318747548641168E-2</v>
      </c>
      <c r="X87" s="99">
        <v>441</v>
      </c>
      <c r="Y87" s="100">
        <v>4.7056464113574981</v>
      </c>
      <c r="Z87" s="101">
        <v>0.14439819772242551</v>
      </c>
      <c r="AA87" s="102">
        <v>0.17331920087240366</v>
      </c>
      <c r="AB87" s="92">
        <v>3.6125822654008509E-2</v>
      </c>
      <c r="AC87" s="102">
        <v>0.22642966755536748</v>
      </c>
      <c r="AD87" s="92">
        <v>3.9830954875739788E-2</v>
      </c>
      <c r="AE87" s="102">
        <v>0.54585801956875801</v>
      </c>
      <c r="AF87" s="92">
        <v>4.7208328927341177E-2</v>
      </c>
      <c r="AG87" s="91">
        <v>5.4393112003464472E-2</v>
      </c>
      <c r="AH87" s="92">
        <v>2.2232312657395857E-2</v>
      </c>
      <c r="AI87" s="99">
        <v>439</v>
      </c>
      <c r="AJ87" s="100">
        <v>4.8615378876175415</v>
      </c>
      <c r="AK87" s="101">
        <v>0.14594270462756126</v>
      </c>
      <c r="AL87" s="102">
        <v>0.16906675661943027</v>
      </c>
      <c r="AM87" s="92">
        <v>3.5864302800597138E-2</v>
      </c>
      <c r="AN87" s="102">
        <v>0.19628429987203305</v>
      </c>
      <c r="AO87" s="92">
        <v>3.7939603291154429E-2</v>
      </c>
      <c r="AP87" s="102">
        <v>0.62343620388790566</v>
      </c>
      <c r="AQ87" s="92">
        <v>4.606771074382373E-2</v>
      </c>
      <c r="AR87" s="91">
        <v>1.1212739620625784E-2</v>
      </c>
      <c r="AS87" s="92">
        <v>1.1785131031709006E-2</v>
      </c>
    </row>
    <row r="90" spans="1:45" ht="18.75">
      <c r="A90" s="342" t="s">
        <v>227</v>
      </c>
      <c r="B90" s="342"/>
      <c r="C90" s="342"/>
      <c r="D90" s="342"/>
      <c r="E90" s="342"/>
      <c r="F90" s="342"/>
      <c r="G90" s="342"/>
      <c r="H90" s="342"/>
      <c r="I90" s="342"/>
      <c r="J90" s="342"/>
      <c r="K90" s="342"/>
      <c r="L90" s="342"/>
      <c r="M90" s="342"/>
      <c r="N90" s="342"/>
      <c r="O90" s="342"/>
      <c r="P90" s="342"/>
      <c r="Q90" s="342"/>
      <c r="R90" s="342"/>
      <c r="S90" s="342"/>
      <c r="T90" s="342"/>
      <c r="U90" s="342"/>
      <c r="V90" s="342"/>
      <c r="W90" s="342"/>
      <c r="X90" s="342"/>
      <c r="Y90" s="342"/>
      <c r="Z90" s="342"/>
      <c r="AA90" s="342"/>
      <c r="AB90" s="342"/>
      <c r="AC90" s="342"/>
      <c r="AD90" s="342"/>
      <c r="AE90" s="342"/>
      <c r="AF90" s="342"/>
      <c r="AG90" s="342"/>
      <c r="AH90" s="342"/>
    </row>
    <row r="91" spans="1:45" ht="66" customHeight="1">
      <c r="A91" s="375" t="s">
        <v>531</v>
      </c>
      <c r="B91" s="375"/>
      <c r="C91" s="375"/>
      <c r="D91" s="375"/>
      <c r="E91" s="375"/>
      <c r="F91" s="375"/>
      <c r="G91" s="375"/>
      <c r="H91" s="375"/>
      <c r="I91" s="375"/>
      <c r="J91" s="375"/>
      <c r="K91" s="375"/>
      <c r="L91" s="375"/>
      <c r="M91" s="375"/>
      <c r="N91" s="375"/>
      <c r="O91" s="375"/>
      <c r="P91" s="375"/>
      <c r="Q91" s="375"/>
      <c r="R91" s="375"/>
      <c r="S91" s="375"/>
      <c r="T91" s="375"/>
      <c r="U91" s="375"/>
      <c r="V91" s="375"/>
      <c r="W91" s="375"/>
      <c r="X91" s="375"/>
      <c r="Y91" s="375"/>
      <c r="Z91" s="375"/>
      <c r="AA91" s="375"/>
      <c r="AB91" s="375"/>
      <c r="AC91" s="375"/>
      <c r="AD91" s="375"/>
      <c r="AE91" s="375"/>
      <c r="AF91" s="375"/>
      <c r="AG91" s="375"/>
      <c r="AH91" s="375"/>
    </row>
    <row r="92" spans="1:45" ht="45.75" customHeight="1">
      <c r="A92" s="104"/>
      <c r="B92" s="365" t="s">
        <v>321</v>
      </c>
      <c r="C92" s="366"/>
      <c r="D92" s="366"/>
      <c r="E92" s="366"/>
      <c r="F92" s="366"/>
      <c r="G92" s="366"/>
      <c r="H92" s="366"/>
      <c r="I92" s="366"/>
      <c r="J92" s="366"/>
      <c r="K92" s="366"/>
      <c r="L92" s="367"/>
      <c r="M92" s="369" t="s">
        <v>228</v>
      </c>
      <c r="N92" s="370"/>
      <c r="O92" s="370"/>
      <c r="P92" s="370"/>
      <c r="Q92" s="370"/>
      <c r="R92" s="370"/>
      <c r="S92" s="370"/>
      <c r="T92" s="370"/>
      <c r="U92" s="370"/>
      <c r="V92" s="370"/>
      <c r="W92" s="371"/>
      <c r="X92" s="365" t="s">
        <v>370</v>
      </c>
      <c r="Y92" s="366"/>
      <c r="Z92" s="366"/>
      <c r="AA92" s="366"/>
      <c r="AB92" s="366"/>
      <c r="AC92" s="366"/>
      <c r="AD92" s="366"/>
      <c r="AE92" s="366"/>
      <c r="AF92" s="366"/>
      <c r="AG92" s="366"/>
      <c r="AH92" s="367"/>
    </row>
    <row r="93" spans="1:45" ht="66" customHeight="1">
      <c r="A93" s="32" t="s">
        <v>71</v>
      </c>
      <c r="B93" s="33" t="s">
        <v>72</v>
      </c>
      <c r="C93" s="33" t="s">
        <v>592</v>
      </c>
      <c r="D93" s="250" t="s">
        <v>73</v>
      </c>
      <c r="E93" s="33" t="s">
        <v>156</v>
      </c>
      <c r="F93" s="84" t="s">
        <v>85</v>
      </c>
      <c r="G93" s="33" t="s">
        <v>157</v>
      </c>
      <c r="H93" s="84" t="s">
        <v>86</v>
      </c>
      <c r="I93" s="33" t="s">
        <v>158</v>
      </c>
      <c r="J93" s="84" t="s">
        <v>87</v>
      </c>
      <c r="K93" s="33" t="s">
        <v>301</v>
      </c>
      <c r="L93" s="84" t="s">
        <v>300</v>
      </c>
      <c r="M93" s="60" t="s">
        <v>72</v>
      </c>
      <c r="N93" s="60" t="s">
        <v>592</v>
      </c>
      <c r="O93" s="252" t="s">
        <v>73</v>
      </c>
      <c r="P93" s="60" t="s">
        <v>346</v>
      </c>
      <c r="Q93" s="83" t="s">
        <v>347</v>
      </c>
      <c r="R93" s="60" t="s">
        <v>343</v>
      </c>
      <c r="S93" s="83" t="s">
        <v>345</v>
      </c>
      <c r="T93" s="60" t="s">
        <v>348</v>
      </c>
      <c r="U93" s="83" t="s">
        <v>349</v>
      </c>
      <c r="V93" s="60" t="s">
        <v>301</v>
      </c>
      <c r="W93" s="83" t="s">
        <v>315</v>
      </c>
      <c r="X93" s="33" t="s">
        <v>72</v>
      </c>
      <c r="Y93" s="33" t="s">
        <v>592</v>
      </c>
      <c r="Z93" s="250" t="s">
        <v>73</v>
      </c>
      <c r="AA93" s="33" t="s">
        <v>371</v>
      </c>
      <c r="AB93" s="84" t="s">
        <v>372</v>
      </c>
      <c r="AC93" s="33" t="s">
        <v>373</v>
      </c>
      <c r="AD93" s="84" t="s">
        <v>374</v>
      </c>
      <c r="AE93" s="33" t="s">
        <v>375</v>
      </c>
      <c r="AF93" s="84" t="s">
        <v>376</v>
      </c>
      <c r="AG93" s="33" t="s">
        <v>301</v>
      </c>
      <c r="AH93" s="84" t="s">
        <v>300</v>
      </c>
    </row>
    <row r="94" spans="1:45" ht="99.75" customHeight="1">
      <c r="A94" s="36"/>
      <c r="B94" s="37" t="s">
        <v>74</v>
      </c>
      <c r="C94" s="37" t="s">
        <v>302</v>
      </c>
      <c r="D94" s="251" t="s">
        <v>76</v>
      </c>
      <c r="E94" s="37" t="s">
        <v>159</v>
      </c>
      <c r="F94" s="86" t="s">
        <v>88</v>
      </c>
      <c r="G94" s="37" t="s">
        <v>160</v>
      </c>
      <c r="H94" s="86" t="s">
        <v>88</v>
      </c>
      <c r="I94" s="37" t="s">
        <v>161</v>
      </c>
      <c r="J94" s="86" t="s">
        <v>88</v>
      </c>
      <c r="K94" s="37" t="s">
        <v>301</v>
      </c>
      <c r="L94" s="86" t="s">
        <v>88</v>
      </c>
      <c r="M94" s="63" t="s">
        <v>74</v>
      </c>
      <c r="N94" s="63" t="s">
        <v>303</v>
      </c>
      <c r="O94" s="253" t="s">
        <v>76</v>
      </c>
      <c r="P94" s="63" t="s">
        <v>342</v>
      </c>
      <c r="Q94" s="85" t="s">
        <v>88</v>
      </c>
      <c r="R94" s="63" t="s">
        <v>344</v>
      </c>
      <c r="S94" s="85" t="s">
        <v>88</v>
      </c>
      <c r="T94" s="63" t="s">
        <v>159</v>
      </c>
      <c r="U94" s="85" t="s">
        <v>88</v>
      </c>
      <c r="V94" s="63" t="s">
        <v>301</v>
      </c>
      <c r="W94" s="85" t="s">
        <v>88</v>
      </c>
      <c r="X94" s="37" t="s">
        <v>74</v>
      </c>
      <c r="Y94" s="37" t="s">
        <v>302</v>
      </c>
      <c r="Z94" s="251" t="s">
        <v>76</v>
      </c>
      <c r="AA94" s="37" t="s">
        <v>377</v>
      </c>
      <c r="AB94" s="86" t="s">
        <v>378</v>
      </c>
      <c r="AC94" s="37" t="s">
        <v>379</v>
      </c>
      <c r="AD94" s="86" t="s">
        <v>88</v>
      </c>
      <c r="AE94" s="37" t="s">
        <v>380</v>
      </c>
      <c r="AF94" s="86" t="s">
        <v>88</v>
      </c>
      <c r="AG94" s="37" t="s">
        <v>301</v>
      </c>
      <c r="AH94" s="86" t="s">
        <v>88</v>
      </c>
    </row>
    <row r="95" spans="1:45">
      <c r="A95" s="40" t="s">
        <v>350</v>
      </c>
      <c r="B95" s="107">
        <v>13860</v>
      </c>
      <c r="C95" s="42">
        <v>3.4344054400133501</v>
      </c>
      <c r="D95" s="43">
        <v>3.4901934531529712E-2</v>
      </c>
      <c r="E95" s="108">
        <v>0.52652880844819483</v>
      </c>
      <c r="F95" s="89">
        <v>8.4809386825359465E-3</v>
      </c>
      <c r="G95" s="108">
        <v>0.127734730114479</v>
      </c>
      <c r="H95" s="89">
        <v>5.671791781730307E-3</v>
      </c>
      <c r="I95" s="108">
        <v>0.31602429494402545</v>
      </c>
      <c r="J95" s="89">
        <v>7.8974322931968897E-3</v>
      </c>
      <c r="K95" s="88">
        <v>2.9712166493315654E-2</v>
      </c>
      <c r="L95" s="89">
        <v>2.8904282332363417E-3</v>
      </c>
      <c r="M95" s="107">
        <v>13927</v>
      </c>
      <c r="N95" s="42">
        <v>3.5790312707883745</v>
      </c>
      <c r="O95" s="43">
        <v>3.2156238078187627E-2</v>
      </c>
      <c r="P95" s="108">
        <v>0.14401396537196057</v>
      </c>
      <c r="Q95" s="89">
        <v>5.9511737220716236E-3</v>
      </c>
      <c r="R95" s="108">
        <v>0.33613620538888489</v>
      </c>
      <c r="S95" s="89">
        <v>8.0048093042382421E-3</v>
      </c>
      <c r="T95" s="108">
        <v>0.44604555289978853</v>
      </c>
      <c r="U95" s="89">
        <v>8.4230029339856776E-3</v>
      </c>
      <c r="V95" s="88">
        <v>7.3804276339382899E-2</v>
      </c>
      <c r="W95" s="89">
        <v>4.4336566255393272E-3</v>
      </c>
      <c r="X95" s="107">
        <v>13919</v>
      </c>
      <c r="Y95" s="42">
        <v>2.0177609801573295</v>
      </c>
      <c r="Z95" s="43">
        <v>2.0367340202541478E-2</v>
      </c>
      <c r="AA95" s="108">
        <v>0.68393995197501301</v>
      </c>
      <c r="AB95" s="89">
        <v>7.8809195994037958E-3</v>
      </c>
      <c r="AC95" s="108">
        <v>0.13351294498901081</v>
      </c>
      <c r="AD95" s="89">
        <v>5.7670152588268639E-3</v>
      </c>
      <c r="AE95" s="108">
        <v>0.14884870366073591</v>
      </c>
      <c r="AF95" s="89">
        <v>6.0347721819283343E-3</v>
      </c>
      <c r="AG95" s="88">
        <v>3.3698399375253284E-2</v>
      </c>
      <c r="AH95" s="89">
        <v>3.0644744644798606E-3</v>
      </c>
    </row>
    <row r="96" spans="1:45">
      <c r="A96" s="44" t="s">
        <v>351</v>
      </c>
      <c r="B96" s="109">
        <v>10153</v>
      </c>
      <c r="C96" s="46">
        <v>3.177751594024719</v>
      </c>
      <c r="D96" s="47">
        <v>4.03678665594569E-2</v>
      </c>
      <c r="E96" s="110">
        <v>0.58848719488128598</v>
      </c>
      <c r="F96" s="92">
        <v>9.7659159841971162E-3</v>
      </c>
      <c r="G96" s="110">
        <v>0.11527214411866142</v>
      </c>
      <c r="H96" s="92">
        <v>6.3410670281532685E-3</v>
      </c>
      <c r="I96" s="110">
        <v>0.27010593416162559</v>
      </c>
      <c r="J96" s="92">
        <v>8.8123164628331127E-3</v>
      </c>
      <c r="K96" s="91">
        <v>2.6134726838419383E-2</v>
      </c>
      <c r="L96" s="92">
        <v>3.1769407662610837E-3</v>
      </c>
      <c r="M96" s="109">
        <v>10152</v>
      </c>
      <c r="N96" s="46">
        <v>3.7864873783669335</v>
      </c>
      <c r="O96" s="47">
        <v>3.8269137389477188E-2</v>
      </c>
      <c r="P96" s="110">
        <v>0.19346062009017703</v>
      </c>
      <c r="Q96" s="92">
        <v>7.8411667617184523E-3</v>
      </c>
      <c r="R96" s="110">
        <v>0.3273272481485836</v>
      </c>
      <c r="S96" s="92">
        <v>9.3128970879132536E-3</v>
      </c>
      <c r="T96" s="110">
        <v>0.40498913371523143</v>
      </c>
      <c r="U96" s="92">
        <v>9.7422482007348092E-3</v>
      </c>
      <c r="V96" s="91">
        <v>7.4222998046008404E-2</v>
      </c>
      <c r="W96" s="92">
        <v>5.2076502345800519E-3</v>
      </c>
      <c r="X96" s="109">
        <v>10246</v>
      </c>
      <c r="Y96" s="46">
        <v>1.8433284416922264</v>
      </c>
      <c r="Z96" s="47">
        <v>2.2634443350480385E-2</v>
      </c>
      <c r="AA96" s="110">
        <v>0.74628473448186683</v>
      </c>
      <c r="AB96" s="92">
        <v>8.5970196021115299E-3</v>
      </c>
      <c r="AC96" s="110">
        <v>0.1025123468959812</v>
      </c>
      <c r="AD96" s="92">
        <v>5.9959939751275289E-3</v>
      </c>
      <c r="AE96" s="110">
        <v>0.12194513242785499</v>
      </c>
      <c r="AF96" s="92">
        <v>6.4675112093465943E-3</v>
      </c>
      <c r="AG96" s="91">
        <v>2.9257786194288496E-2</v>
      </c>
      <c r="AH96" s="92">
        <v>3.3393260083266017E-3</v>
      </c>
    </row>
    <row r="97" spans="1:34">
      <c r="A97" s="40" t="s">
        <v>352</v>
      </c>
      <c r="B97" s="78">
        <v>3707</v>
      </c>
      <c r="C97" s="42">
        <v>3.6431446113090811</v>
      </c>
      <c r="D97" s="43">
        <v>6.6689194060784218E-2</v>
      </c>
      <c r="E97" s="93">
        <v>0.47647208735410329</v>
      </c>
      <c r="F97" s="89">
        <v>1.6397370494217311E-2</v>
      </c>
      <c r="G97" s="93">
        <v>0.13780336209825444</v>
      </c>
      <c r="H97" s="89">
        <v>1.1330095210914055E-2</v>
      </c>
      <c r="I97" s="93">
        <v>0.35312213933774822</v>
      </c>
      <c r="J97" s="89">
        <v>1.5692867841079195E-2</v>
      </c>
      <c r="K97" s="88">
        <v>3.2602411209894024E-2</v>
      </c>
      <c r="L97" s="89">
        <v>5.8739280815192666E-3</v>
      </c>
      <c r="M97" s="78">
        <v>3775</v>
      </c>
      <c r="N97" s="42">
        <v>3.4146449559148517</v>
      </c>
      <c r="O97" s="43">
        <v>5.5997310724006197E-2</v>
      </c>
      <c r="P97" s="93">
        <v>0.10480111529791597</v>
      </c>
      <c r="Q97" s="89">
        <v>9.9826946460275529E-3</v>
      </c>
      <c r="R97" s="93">
        <v>0.34312200294264111</v>
      </c>
      <c r="S97" s="89">
        <v>1.5447505329471686E-2</v>
      </c>
      <c r="T97" s="93">
        <v>0.47860466573027421</v>
      </c>
      <c r="U97" s="89">
        <v>1.625228489954917E-2</v>
      </c>
      <c r="V97" s="88">
        <v>7.3472216029168771E-2</v>
      </c>
      <c r="W97" s="89">
        <v>8.5124926347808164E-3</v>
      </c>
      <c r="X97" s="78">
        <v>3673</v>
      </c>
      <c r="Y97" s="42">
        <v>2.163001839596332</v>
      </c>
      <c r="Z97" s="43">
        <v>4.2903441087517251E-2</v>
      </c>
      <c r="AA97" s="93">
        <v>0.63246224877067336</v>
      </c>
      <c r="AB97" s="89">
        <v>1.5903294473592011E-2</v>
      </c>
      <c r="AC97" s="93">
        <v>0.15910994803595579</v>
      </c>
      <c r="AD97" s="89">
        <v>1.2075668547078908E-2</v>
      </c>
      <c r="AE97" s="93">
        <v>0.17106281684510571</v>
      </c>
      <c r="AF97" s="89">
        <v>1.2430305465520444E-2</v>
      </c>
      <c r="AG97" s="88">
        <v>3.7364986348263976E-2</v>
      </c>
      <c r="AH97" s="89">
        <v>6.295614559716012E-3</v>
      </c>
    </row>
    <row r="98" spans="1:34">
      <c r="A98" s="44" t="s">
        <v>555</v>
      </c>
      <c r="B98" s="109">
        <v>3596</v>
      </c>
      <c r="C98" s="46">
        <v>3.4508622910915476</v>
      </c>
      <c r="D98" s="47">
        <v>6.8195364929943172E-2</v>
      </c>
      <c r="E98" s="110">
        <v>0.52388452672831531</v>
      </c>
      <c r="F98" s="92">
        <v>1.6647682400968408E-2</v>
      </c>
      <c r="G98" s="110">
        <v>0.12636266929316425</v>
      </c>
      <c r="H98" s="92">
        <v>1.1090797274291159E-2</v>
      </c>
      <c r="I98" s="110">
        <v>0.32616057832213696</v>
      </c>
      <c r="J98" s="92">
        <v>1.5629280712766789E-2</v>
      </c>
      <c r="K98" s="91">
        <v>2.3592225656397164E-2</v>
      </c>
      <c r="L98" s="92">
        <v>5.1142195671657767E-3</v>
      </c>
      <c r="M98" s="109">
        <v>3606</v>
      </c>
      <c r="N98" s="46">
        <v>3.4839399397033857</v>
      </c>
      <c r="O98" s="47">
        <v>6.3865671657778886E-2</v>
      </c>
      <c r="P98" s="110">
        <v>0.12662324102519917</v>
      </c>
      <c r="Q98" s="92">
        <v>1.1085093531028474E-2</v>
      </c>
      <c r="R98" s="110">
        <v>0.33782931307952729</v>
      </c>
      <c r="S98" s="92">
        <v>1.5745866698819388E-2</v>
      </c>
      <c r="T98" s="110">
        <v>0.47411781228995331</v>
      </c>
      <c r="U98" s="92">
        <v>1.6621302489787021E-2</v>
      </c>
      <c r="V98" s="91">
        <v>6.1429633605336292E-2</v>
      </c>
      <c r="W98" s="92">
        <v>8.0222712563165141E-3</v>
      </c>
      <c r="X98" s="109">
        <v>3615</v>
      </c>
      <c r="Y98" s="46">
        <v>2.0605583730252905</v>
      </c>
      <c r="Z98" s="47">
        <v>3.8987041714671745E-2</v>
      </c>
      <c r="AA98" s="110">
        <v>0.67129298098382495</v>
      </c>
      <c r="AB98" s="92">
        <v>1.561924473664322E-2</v>
      </c>
      <c r="AC98" s="110">
        <v>0.13892189162051274</v>
      </c>
      <c r="AD98" s="92">
        <v>1.1512365702549881E-2</v>
      </c>
      <c r="AE98" s="110">
        <v>0.16080274115905799</v>
      </c>
      <c r="AF98" s="92">
        <v>1.2224274927040186E-2</v>
      </c>
      <c r="AG98" s="91">
        <v>2.8982386236612426E-2</v>
      </c>
      <c r="AH98" s="92">
        <v>5.6255609152608384E-3</v>
      </c>
    </row>
    <row r="99" spans="1:34">
      <c r="A99" s="40" t="s">
        <v>556</v>
      </c>
      <c r="B99" s="78">
        <v>2947</v>
      </c>
      <c r="C99" s="42">
        <v>3.0825134738849678</v>
      </c>
      <c r="D99" s="43">
        <v>7.4150308423905548E-2</v>
      </c>
      <c r="E99" s="93">
        <v>0.60703862460746538</v>
      </c>
      <c r="F99" s="89">
        <v>1.7982776194784961E-2</v>
      </c>
      <c r="G99" s="93">
        <v>0.11629701095858136</v>
      </c>
      <c r="H99" s="89">
        <v>1.1825620643247617E-2</v>
      </c>
      <c r="I99" s="93">
        <v>0.25712498296568154</v>
      </c>
      <c r="J99" s="89">
        <v>1.6097446887333132E-2</v>
      </c>
      <c r="K99" s="88">
        <v>1.9539381468269532E-2</v>
      </c>
      <c r="L99" s="89">
        <v>5.1783469989719142E-3</v>
      </c>
      <c r="M99" s="78">
        <v>2949</v>
      </c>
      <c r="N99" s="42">
        <v>3.5991142465466477</v>
      </c>
      <c r="O99" s="43">
        <v>7.2043485530401158E-2</v>
      </c>
      <c r="P99" s="93">
        <v>0.17306797110844033</v>
      </c>
      <c r="Q99" s="89">
        <v>1.393734780423031E-2</v>
      </c>
      <c r="R99" s="93">
        <v>0.30743960634710304</v>
      </c>
      <c r="S99" s="89">
        <v>1.6986713367094994E-2</v>
      </c>
      <c r="T99" s="93">
        <v>0.44550415395625154</v>
      </c>
      <c r="U99" s="89">
        <v>1.8292807615503476E-2</v>
      </c>
      <c r="V99" s="88">
        <v>7.3988268588200484E-2</v>
      </c>
      <c r="W99" s="89">
        <v>9.6680661477970414E-3</v>
      </c>
      <c r="X99" s="78">
        <v>2978</v>
      </c>
      <c r="Y99" s="42">
        <v>1.7757568392068388</v>
      </c>
      <c r="Z99" s="43">
        <v>4.0572319964091726E-2</v>
      </c>
      <c r="AA99" s="93">
        <v>0.76704322817510051</v>
      </c>
      <c r="AB99" s="89">
        <v>1.5490162578505599E-2</v>
      </c>
      <c r="AC99" s="93">
        <v>9.7723634757537051E-2</v>
      </c>
      <c r="AD99" s="89">
        <v>1.0902136240727027E-2</v>
      </c>
      <c r="AE99" s="93">
        <v>0.10792957620285916</v>
      </c>
      <c r="AF99" s="89">
        <v>1.1388681972839182E-2</v>
      </c>
      <c r="AG99" s="88">
        <v>2.7303560864501367E-2</v>
      </c>
      <c r="AH99" s="89">
        <v>6.035565968851673E-3</v>
      </c>
    </row>
    <row r="100" spans="1:34">
      <c r="A100" s="44" t="s">
        <v>536</v>
      </c>
      <c r="B100" s="109">
        <v>327</v>
      </c>
      <c r="C100" s="46">
        <v>3.0245666935696733</v>
      </c>
      <c r="D100" s="47">
        <v>0.22578599882843503</v>
      </c>
      <c r="E100" s="110">
        <v>0.60568564766080124</v>
      </c>
      <c r="F100" s="92">
        <v>5.3753254027991901E-2</v>
      </c>
      <c r="G100" s="110">
        <v>0.10037387640869526</v>
      </c>
      <c r="H100" s="92">
        <v>3.3728162071509388E-2</v>
      </c>
      <c r="I100" s="110">
        <v>0.26537254431615087</v>
      </c>
      <c r="J100" s="92">
        <v>4.8701871563319073E-2</v>
      </c>
      <c r="K100" s="91">
        <v>2.8567931614354593E-2</v>
      </c>
      <c r="L100" s="92">
        <v>1.9997252361680644E-2</v>
      </c>
      <c r="M100" s="109">
        <v>331</v>
      </c>
      <c r="N100" s="46">
        <v>3.7166319870273057</v>
      </c>
      <c r="O100" s="47">
        <v>0.20728401408585076</v>
      </c>
      <c r="P100" s="110">
        <v>0.18221026833256182</v>
      </c>
      <c r="Q100" s="92">
        <v>4.2518757534330889E-2</v>
      </c>
      <c r="R100" s="110">
        <v>0.32282267517950325</v>
      </c>
      <c r="S100" s="92">
        <v>5.1177580801508964E-2</v>
      </c>
      <c r="T100" s="110">
        <v>0.4204886320160941</v>
      </c>
      <c r="U100" s="92">
        <v>5.3957198684987488E-2</v>
      </c>
      <c r="V100" s="91">
        <v>7.447842447184333E-2</v>
      </c>
      <c r="W100" s="92">
        <v>2.9569972710995561E-2</v>
      </c>
      <c r="X100" s="109">
        <v>331</v>
      </c>
      <c r="Y100" s="46">
        <v>1.7118619259232191</v>
      </c>
      <c r="Z100" s="47">
        <v>0.12007391018770426</v>
      </c>
      <c r="AA100" s="110">
        <v>0.79792205241493053</v>
      </c>
      <c r="AB100" s="92">
        <v>4.4163790087685499E-2</v>
      </c>
      <c r="AC100" s="110">
        <v>6.6737430442212128E-2</v>
      </c>
      <c r="AD100" s="92">
        <v>2.8229245752378066E-2</v>
      </c>
      <c r="AE100" s="110">
        <v>0.10897143221282184</v>
      </c>
      <c r="AF100" s="92">
        <v>3.4679992545596269E-2</v>
      </c>
      <c r="AG100" s="91">
        <v>2.636908493003606E-2</v>
      </c>
      <c r="AH100" s="92">
        <v>1.9238896719514974E-2</v>
      </c>
    </row>
    <row r="101" spans="1:34">
      <c r="A101" s="40" t="s">
        <v>537</v>
      </c>
      <c r="B101" s="78">
        <v>160</v>
      </c>
      <c r="C101" s="42">
        <v>3.1148261024293551</v>
      </c>
      <c r="D101" s="43">
        <v>0.32353779924134868</v>
      </c>
      <c r="E101" s="93">
        <v>0.59554147125526979</v>
      </c>
      <c r="F101" s="89">
        <v>7.6717993848394186E-2</v>
      </c>
      <c r="G101" s="93">
        <v>9.445337771483675E-2</v>
      </c>
      <c r="H101" s="89">
        <v>4.7743453150574003E-2</v>
      </c>
      <c r="I101" s="93">
        <v>0.29533422050698027</v>
      </c>
      <c r="J101" s="89">
        <v>7.1590011769946643E-2</v>
      </c>
      <c r="K101" s="88">
        <v>1.4670930522912427E-2</v>
      </c>
      <c r="L101" s="89">
        <v>2.5087913187882588E-2</v>
      </c>
      <c r="M101" s="78">
        <v>163</v>
      </c>
      <c r="N101" s="42">
        <v>3.1938344221393509</v>
      </c>
      <c r="O101" s="43">
        <v>0.25751658403168409</v>
      </c>
      <c r="P101" s="93">
        <v>9.9654958718945738E-2</v>
      </c>
      <c r="Q101" s="89">
        <v>4.8278085811118678E-2</v>
      </c>
      <c r="R101" s="93">
        <v>0.29721473120840136</v>
      </c>
      <c r="S101" s="89">
        <v>7.1061153176545266E-2</v>
      </c>
      <c r="T101" s="93">
        <v>0.54341922263427067</v>
      </c>
      <c r="U101" s="89">
        <v>7.7103864921845927E-2</v>
      </c>
      <c r="V101" s="88">
        <v>5.9711087438381528E-2</v>
      </c>
      <c r="W101" s="89">
        <v>3.9554674808185288E-2</v>
      </c>
      <c r="X101" s="78">
        <v>163</v>
      </c>
      <c r="Y101" s="42">
        <v>1.6976669942364109</v>
      </c>
      <c r="Z101" s="43">
        <v>0.16803095233734835</v>
      </c>
      <c r="AA101" s="93">
        <v>0.81541833065593428</v>
      </c>
      <c r="AB101" s="89">
        <v>6.09741530757743E-2</v>
      </c>
      <c r="AC101" s="93">
        <v>6.9167077572127422E-2</v>
      </c>
      <c r="AD101" s="89">
        <v>4.1863289510625783E-2</v>
      </c>
      <c r="AE101" s="93">
        <v>0.10315855336847708</v>
      </c>
      <c r="AF101" s="89">
        <v>4.8933688461001768E-2</v>
      </c>
      <c r="AG101" s="88">
        <v>1.2256038403461053E-2</v>
      </c>
      <c r="AH101" s="89">
        <v>2.3656967352254719E-2</v>
      </c>
    </row>
    <row r="102" spans="1:34">
      <c r="A102" s="44" t="s">
        <v>538</v>
      </c>
      <c r="B102" s="109">
        <v>89</v>
      </c>
      <c r="C102" s="46">
        <v>2.8569979136320707</v>
      </c>
      <c r="D102" s="47">
        <v>0.43098004246270316</v>
      </c>
      <c r="E102" s="110">
        <v>0.65626589888049291</v>
      </c>
      <c r="F102" s="92">
        <v>9.8948527358509952E-2</v>
      </c>
      <c r="G102" s="110">
        <v>5.8393111617260109E-2</v>
      </c>
      <c r="H102" s="92">
        <v>5.541562035785734E-2</v>
      </c>
      <c r="I102" s="110">
        <v>0.22297317446127746</v>
      </c>
      <c r="J102" s="92">
        <v>8.7918777300818304E-2</v>
      </c>
      <c r="K102" s="91">
        <v>6.2367815040969214E-2</v>
      </c>
      <c r="L102" s="92">
        <v>5.6644059064294761E-2</v>
      </c>
      <c r="M102" s="109">
        <v>89</v>
      </c>
      <c r="N102" s="46">
        <v>5.3170126577962318</v>
      </c>
      <c r="O102" s="47">
        <v>0.30209762479825053</v>
      </c>
      <c r="P102" s="110">
        <v>0.49130883974188672</v>
      </c>
      <c r="Q102" s="92">
        <v>0.10368082157768818</v>
      </c>
      <c r="R102" s="110">
        <v>0.36906131612974058</v>
      </c>
      <c r="S102" s="92">
        <v>0.10038596005042409</v>
      </c>
      <c r="T102" s="110">
        <v>8.3308641608172168E-2</v>
      </c>
      <c r="U102" s="92">
        <v>6.2556010331174403E-2</v>
      </c>
      <c r="V102" s="91">
        <v>5.6321202520200037E-2</v>
      </c>
      <c r="W102" s="92">
        <v>5.4759836931310375E-2</v>
      </c>
      <c r="X102" s="109">
        <v>88</v>
      </c>
      <c r="Y102" s="46">
        <v>1.7048543777469107</v>
      </c>
      <c r="Z102" s="47">
        <v>0.24483443079064002</v>
      </c>
      <c r="AA102" s="110">
        <v>0.77987403945892497</v>
      </c>
      <c r="AB102" s="92">
        <v>8.8054753258719712E-2</v>
      </c>
      <c r="AC102" s="110">
        <v>5.5716285478529803E-2</v>
      </c>
      <c r="AD102" s="92">
        <v>5.4931982576031269E-2</v>
      </c>
      <c r="AE102" s="110">
        <v>0.11736300863067814</v>
      </c>
      <c r="AF102" s="92">
        <v>7.103078342992894E-2</v>
      </c>
      <c r="AG102" s="91">
        <v>4.7046666431866849E-2</v>
      </c>
      <c r="AH102" s="92">
        <v>5.2039292583886447E-2</v>
      </c>
    </row>
    <row r="103" spans="1:34">
      <c r="A103" s="40" t="s">
        <v>539</v>
      </c>
      <c r="B103" s="78">
        <v>242</v>
      </c>
      <c r="C103" s="42">
        <v>3.2321893246497542</v>
      </c>
      <c r="D103" s="43">
        <v>0.25622892287400734</v>
      </c>
      <c r="E103" s="93">
        <v>0.56044875864695076</v>
      </c>
      <c r="F103" s="89">
        <v>6.3305147229769571E-2</v>
      </c>
      <c r="G103" s="93">
        <v>0.17814797188424514</v>
      </c>
      <c r="H103" s="89">
        <v>4.9345739430561503E-2</v>
      </c>
      <c r="I103" s="93">
        <v>0.24650210547656726</v>
      </c>
      <c r="J103" s="89">
        <v>5.5261627820495263E-2</v>
      </c>
      <c r="K103" s="88">
        <v>1.4901163992234751E-2</v>
      </c>
      <c r="L103" s="89">
        <v>1.9029123466498502E-2</v>
      </c>
      <c r="M103" s="78">
        <v>243</v>
      </c>
      <c r="N103" s="42">
        <v>4.6587805395504933</v>
      </c>
      <c r="O103" s="43">
        <v>0.2272020221999233</v>
      </c>
      <c r="P103" s="93">
        <v>0.35902008447667638</v>
      </c>
      <c r="Q103" s="89">
        <v>6.1131462056480568E-2</v>
      </c>
      <c r="R103" s="93">
        <v>0.33921585565525975</v>
      </c>
      <c r="S103" s="89">
        <v>6.0360452515639824E-2</v>
      </c>
      <c r="T103" s="93">
        <v>0.27137366161467624</v>
      </c>
      <c r="U103" s="89">
        <v>5.6826925933057632E-2</v>
      </c>
      <c r="V103" s="88">
        <v>3.0390398253385652E-2</v>
      </c>
      <c r="W103" s="89">
        <v>2.43296392808093E-2</v>
      </c>
      <c r="X103" s="78">
        <v>245</v>
      </c>
      <c r="Y103" s="42">
        <v>1.7783814413969934</v>
      </c>
      <c r="Z103" s="43">
        <v>0.13879949583102902</v>
      </c>
      <c r="AA103" s="93">
        <v>0.76790912827444713</v>
      </c>
      <c r="AB103" s="89">
        <v>5.3849740431129486E-2</v>
      </c>
      <c r="AC103" s="93">
        <v>7.8359467997729207E-2</v>
      </c>
      <c r="AD103" s="89">
        <v>3.5371854706481222E-2</v>
      </c>
      <c r="AE103" s="93">
        <v>9.8943014557861031E-2</v>
      </c>
      <c r="AF103" s="89">
        <v>3.8916975144483258E-2</v>
      </c>
      <c r="AG103" s="88">
        <v>5.4788389169960705E-2</v>
      </c>
      <c r="AH103" s="89">
        <v>3.0551496294258702E-2</v>
      </c>
    </row>
    <row r="104" spans="1:34">
      <c r="A104" s="44" t="s">
        <v>540</v>
      </c>
      <c r="B104" s="109">
        <v>81</v>
      </c>
      <c r="C104" s="46">
        <v>3.7478010800960999</v>
      </c>
      <c r="D104" s="47">
        <v>0.45864764572824096</v>
      </c>
      <c r="E104" s="110">
        <v>0.43715623081619875</v>
      </c>
      <c r="F104" s="92">
        <v>0.10768442287432337</v>
      </c>
      <c r="G104" s="110">
        <v>0.21367951825002562</v>
      </c>
      <c r="H104" s="92">
        <v>9.0892242746377042E-2</v>
      </c>
      <c r="I104" s="110">
        <v>0.30571414964363869</v>
      </c>
      <c r="J104" s="92">
        <v>0.10075528289988352</v>
      </c>
      <c r="K104" s="91">
        <v>4.3450101290136975E-2</v>
      </c>
      <c r="L104" s="92">
        <v>5.3454003907659912E-2</v>
      </c>
      <c r="M104" s="109">
        <v>81</v>
      </c>
      <c r="N104" s="46">
        <v>5.5897905249844229</v>
      </c>
      <c r="O104" s="47">
        <v>0.31769339963928067</v>
      </c>
      <c r="P104" s="110">
        <v>0.56081082096993984</v>
      </c>
      <c r="Q104" s="92">
        <v>0.10773429138298496</v>
      </c>
      <c r="R104" s="110">
        <v>0.38926369228989771</v>
      </c>
      <c r="S104" s="92">
        <v>0.10602206980797974</v>
      </c>
      <c r="T104" s="110">
        <v>4.9925486740162152E-2</v>
      </c>
      <c r="U104" s="92">
        <v>5.5751328909548439E-2</v>
      </c>
      <c r="V104" s="91">
        <v>0</v>
      </c>
      <c r="W104" s="92">
        <v>3.2881805121991139E-2</v>
      </c>
      <c r="X104" s="109">
        <v>82</v>
      </c>
      <c r="Y104" s="46">
        <v>1.9780455855930454</v>
      </c>
      <c r="Z104" s="47">
        <v>0.30217943240625983</v>
      </c>
      <c r="AA104" s="110">
        <v>0.63074656864888978</v>
      </c>
      <c r="AB104" s="92">
        <v>0.10442724289777984</v>
      </c>
      <c r="AC104" s="110">
        <v>0.10879537651897636</v>
      </c>
      <c r="AD104" s="92">
        <v>7.180860914172281E-2</v>
      </c>
      <c r="AE104" s="110">
        <v>0.13430325338669682</v>
      </c>
      <c r="AF104" s="92">
        <v>7.7284422049889973E-2</v>
      </c>
      <c r="AG104" s="91">
        <v>0.1261548014454367</v>
      </c>
      <c r="AH104" s="92">
        <v>7.5617880148064295E-2</v>
      </c>
    </row>
    <row r="105" spans="1:34">
      <c r="A105" s="40" t="s">
        <v>541</v>
      </c>
      <c r="B105" s="107">
        <v>91</v>
      </c>
      <c r="C105" s="42">
        <v>2.8608193399309609</v>
      </c>
      <c r="D105" s="43">
        <v>0.42302435403411309</v>
      </c>
      <c r="E105" s="108">
        <v>0.69615842436988407</v>
      </c>
      <c r="F105" s="89">
        <v>9.5077568297450718E-2</v>
      </c>
      <c r="G105" s="108">
        <v>9.748591838097706E-2</v>
      </c>
      <c r="H105" s="89">
        <v>6.5321477691827876E-2</v>
      </c>
      <c r="I105" s="108">
        <v>0.2055231350128395</v>
      </c>
      <c r="J105" s="89">
        <v>8.4711794417155845E-2</v>
      </c>
      <c r="K105" s="88">
        <v>8.3252223629929636E-4</v>
      </c>
      <c r="L105" s="89">
        <v>2.9998367230361367E-2</v>
      </c>
      <c r="M105" s="107">
        <v>91</v>
      </c>
      <c r="N105" s="42">
        <v>4.3434385799979118</v>
      </c>
      <c r="O105" s="43">
        <v>0.3770717706947781</v>
      </c>
      <c r="P105" s="108">
        <v>0.31850415099874441</v>
      </c>
      <c r="Q105" s="89">
        <v>9.6196031216149461E-2</v>
      </c>
      <c r="R105" s="108">
        <v>0.25575801205104931</v>
      </c>
      <c r="S105" s="89">
        <v>9.0673178424321543E-2</v>
      </c>
      <c r="T105" s="108">
        <v>0.36843229634730773</v>
      </c>
      <c r="U105" s="89">
        <v>9.9285222407456034E-2</v>
      </c>
      <c r="V105" s="88">
        <v>5.7305540602898747E-2</v>
      </c>
      <c r="W105" s="89">
        <v>5.4358504921651486E-2</v>
      </c>
      <c r="X105" s="107">
        <v>92</v>
      </c>
      <c r="Y105" s="42">
        <v>1.7052163268186133</v>
      </c>
      <c r="Z105" s="43">
        <v>0.19119679872139458</v>
      </c>
      <c r="AA105" s="108">
        <v>0.80328938994051613</v>
      </c>
      <c r="AB105" s="89">
        <v>8.3046478424147432E-2</v>
      </c>
      <c r="AC105" s="108">
        <v>6.9570127119283828E-2</v>
      </c>
      <c r="AD105" s="89">
        <v>5.7680019551670181E-2</v>
      </c>
      <c r="AE105" s="108">
        <v>0.10415279306277914</v>
      </c>
      <c r="AF105" s="89">
        <v>6.6486485598348244E-2</v>
      </c>
      <c r="AG105" s="88">
        <v>2.2987689877420933E-2</v>
      </c>
      <c r="AH105" s="89">
        <v>4.1345066536100643E-2</v>
      </c>
    </row>
    <row r="106" spans="1:34">
      <c r="A106" s="44" t="s">
        <v>542</v>
      </c>
      <c r="B106" s="109">
        <v>70</v>
      </c>
      <c r="C106" s="46">
        <v>3.1433100409098262</v>
      </c>
      <c r="D106" s="47">
        <v>0.44491452338715842</v>
      </c>
      <c r="E106" s="110">
        <v>0.53382953571468761</v>
      </c>
      <c r="F106" s="92">
        <v>0.11600930568936206</v>
      </c>
      <c r="G106" s="110">
        <v>0.23303636024524155</v>
      </c>
      <c r="H106" s="92">
        <v>0.10033107267479043</v>
      </c>
      <c r="I106" s="110">
        <v>0.2317908473269473</v>
      </c>
      <c r="J106" s="92">
        <v>0.10017027273432805</v>
      </c>
      <c r="K106" s="91">
        <v>1.343256713123134E-3</v>
      </c>
      <c r="L106" s="92">
        <v>3.8552818695655182E-2</v>
      </c>
      <c r="M106" s="109">
        <v>71</v>
      </c>
      <c r="N106" s="46">
        <v>3.9999511693970606</v>
      </c>
      <c r="O106" s="47">
        <v>0.41623543109773914</v>
      </c>
      <c r="P106" s="110">
        <v>0.19365603237078097</v>
      </c>
      <c r="Q106" s="92">
        <v>9.406288359284444E-2</v>
      </c>
      <c r="R106" s="110">
        <v>0.38137183710954042</v>
      </c>
      <c r="S106" s="92">
        <v>0.11251984401780497</v>
      </c>
      <c r="T106" s="110">
        <v>0.39325787347857499</v>
      </c>
      <c r="U106" s="92">
        <v>0.11308735420737756</v>
      </c>
      <c r="V106" s="91">
        <v>3.1714257041103269E-2</v>
      </c>
      <c r="W106" s="92">
        <v>5.3404517977854629E-2</v>
      </c>
      <c r="X106" s="109">
        <v>71</v>
      </c>
      <c r="Y106" s="46">
        <v>1.6749942669282982</v>
      </c>
      <c r="Z106" s="47">
        <v>0.22349217799106166</v>
      </c>
      <c r="AA106" s="110">
        <v>0.8714917446817193</v>
      </c>
      <c r="AB106" s="92">
        <v>8.2080281128426386E-2</v>
      </c>
      <c r="AC106" s="110">
        <v>5.6439546735423667E-2</v>
      </c>
      <c r="AD106" s="92">
        <v>6.2686827251231828E-2</v>
      </c>
      <c r="AE106" s="110">
        <v>5.5983044545793413E-2</v>
      </c>
      <c r="AF106" s="92">
        <v>6.2532169467106796E-2</v>
      </c>
      <c r="AG106" s="91">
        <v>1.6085664037063456E-2</v>
      </c>
      <c r="AH106" s="92">
        <v>4.6268368156346419E-2</v>
      </c>
    </row>
    <row r="107" spans="1:34">
      <c r="A107" s="40" t="s">
        <v>543</v>
      </c>
      <c r="B107" s="78">
        <v>476</v>
      </c>
      <c r="C107" s="42">
        <v>3.0424387746045283</v>
      </c>
      <c r="D107" s="43">
        <v>0.18934678641188843</v>
      </c>
      <c r="E107" s="93">
        <v>0.60443510310542381</v>
      </c>
      <c r="F107" s="89">
        <v>4.4653698056042246E-2</v>
      </c>
      <c r="G107" s="93">
        <v>0.12430689361283974</v>
      </c>
      <c r="H107" s="89">
        <v>3.0440831938363267E-2</v>
      </c>
      <c r="I107" s="93">
        <v>0.24233555554056074</v>
      </c>
      <c r="J107" s="89">
        <v>3.923337648786631E-2</v>
      </c>
      <c r="K107" s="93">
        <v>2.8922447741177679E-2</v>
      </c>
      <c r="L107" s="89">
        <v>1.627090878682752E-2</v>
      </c>
      <c r="M107" s="78">
        <v>471</v>
      </c>
      <c r="N107" s="42">
        <v>3.1682834517563569</v>
      </c>
      <c r="O107" s="43">
        <v>0.16740053283258274</v>
      </c>
      <c r="P107" s="93">
        <v>0.10320706640291596</v>
      </c>
      <c r="Q107" s="89">
        <v>2.8313419078747997E-2</v>
      </c>
      <c r="R107" s="93">
        <v>0.28368068360147386</v>
      </c>
      <c r="S107" s="89">
        <v>4.144655356157223E-2</v>
      </c>
      <c r="T107" s="93">
        <v>0.53298944738018461</v>
      </c>
      <c r="U107" s="89">
        <v>4.5784846816146196E-2</v>
      </c>
      <c r="V107" s="93">
        <v>8.0122802615427632E-2</v>
      </c>
      <c r="W107" s="89">
        <v>2.5407806088843823E-2</v>
      </c>
      <c r="X107" s="78">
        <v>478</v>
      </c>
      <c r="Y107" s="42">
        <v>1.808103957074936</v>
      </c>
      <c r="Z107" s="43">
        <v>0.10597474438913758</v>
      </c>
      <c r="AA107" s="93">
        <v>0.76153001994096026</v>
      </c>
      <c r="AB107" s="89">
        <v>3.8941660147721109E-2</v>
      </c>
      <c r="AC107" s="93">
        <v>8.404641665110478E-2</v>
      </c>
      <c r="AD107" s="89">
        <v>2.5740866119486599E-2</v>
      </c>
      <c r="AE107" s="93">
        <v>0.12395276724935153</v>
      </c>
      <c r="AF107" s="89">
        <v>3.0340504542313997E-2</v>
      </c>
      <c r="AG107" s="93">
        <v>3.0470796158584262E-2</v>
      </c>
      <c r="AH107" s="89">
        <v>1.659530316119609E-2</v>
      </c>
    </row>
    <row r="108" spans="1:34">
      <c r="A108" s="44" t="s">
        <v>616</v>
      </c>
      <c r="B108" s="109">
        <v>246</v>
      </c>
      <c r="C108" s="46">
        <v>3.310926678596839</v>
      </c>
      <c r="D108" s="47">
        <v>0.27188291715422636</v>
      </c>
      <c r="E108" s="110">
        <v>0.54717267124449809</v>
      </c>
      <c r="F108" s="92">
        <v>6.2972422887490664E-2</v>
      </c>
      <c r="G108" s="110">
        <v>0.13619905766049958</v>
      </c>
      <c r="H108" s="92">
        <v>4.4154316388853004E-2</v>
      </c>
      <c r="I108" s="110">
        <v>0.2865326153101917</v>
      </c>
      <c r="J108" s="92">
        <v>5.7393824972532738E-2</v>
      </c>
      <c r="K108" s="91">
        <v>3.0095655784808027E-2</v>
      </c>
      <c r="L108" s="92">
        <v>2.4066342595666652E-2</v>
      </c>
      <c r="M108" s="109">
        <v>243</v>
      </c>
      <c r="N108" s="46">
        <v>3.6519234242417227</v>
      </c>
      <c r="O108" s="47">
        <v>0.23889494214220452</v>
      </c>
      <c r="P108" s="110">
        <v>0.1535680908873692</v>
      </c>
      <c r="Q108" s="92">
        <v>4.6555975681988729E-2</v>
      </c>
      <c r="R108" s="110">
        <v>0.34243163691054823</v>
      </c>
      <c r="S108" s="92">
        <v>6.0493227596121857E-2</v>
      </c>
      <c r="T108" s="110">
        <v>0.41678984581386636</v>
      </c>
      <c r="U108" s="92">
        <v>6.2769872247930569E-2</v>
      </c>
      <c r="V108" s="91">
        <v>8.7210426388213552E-2</v>
      </c>
      <c r="W108" s="92">
        <v>3.7118685799898216E-2</v>
      </c>
      <c r="X108" s="109">
        <v>247</v>
      </c>
      <c r="Y108" s="46">
        <v>1.8688997058631147</v>
      </c>
      <c r="Z108" s="47">
        <v>0.14911777801270304</v>
      </c>
      <c r="AA108" s="110">
        <v>0.73355298183143502</v>
      </c>
      <c r="AB108" s="92">
        <v>5.6055990982278425E-2</v>
      </c>
      <c r="AC108" s="110">
        <v>0.10398225500405424</v>
      </c>
      <c r="AD108" s="92">
        <v>3.9544958305804123E-2</v>
      </c>
      <c r="AE108" s="110">
        <v>0.12760049999569889</v>
      </c>
      <c r="AF108" s="92">
        <v>4.2940432416895047E-2</v>
      </c>
      <c r="AG108" s="91">
        <v>3.4864263168810118E-2</v>
      </c>
      <c r="AH108" s="92">
        <v>2.5401778126500702E-2</v>
      </c>
    </row>
    <row r="109" spans="1:34">
      <c r="A109" s="52" t="s">
        <v>544</v>
      </c>
      <c r="B109" s="107">
        <v>230</v>
      </c>
      <c r="C109" s="42">
        <v>2.8005210273514303</v>
      </c>
      <c r="D109" s="43">
        <v>0.26058689695415915</v>
      </c>
      <c r="E109" s="108">
        <v>0.65614949258951905</v>
      </c>
      <c r="F109" s="89">
        <v>6.2216029287687984E-2</v>
      </c>
      <c r="G109" s="108">
        <v>0.11356693753023414</v>
      </c>
      <c r="H109" s="89">
        <v>4.2513179391800895E-2</v>
      </c>
      <c r="I109" s="108">
        <v>0.20242066040425286</v>
      </c>
      <c r="J109" s="89">
        <v>5.3019610897925548E-2</v>
      </c>
      <c r="K109" s="88">
        <v>2.78629094759929E-2</v>
      </c>
      <c r="L109" s="89">
        <v>2.4334704310174853E-2</v>
      </c>
      <c r="M109" s="107">
        <v>228</v>
      </c>
      <c r="N109" s="42">
        <v>2.7358224363990664</v>
      </c>
      <c r="O109" s="43">
        <v>0.21088896146933606</v>
      </c>
      <c r="P109" s="108">
        <v>5.7508309046323959E-2</v>
      </c>
      <c r="Q109" s="89">
        <v>3.2402262941120648E-2</v>
      </c>
      <c r="R109" s="108">
        <v>0.23036871095546993</v>
      </c>
      <c r="S109" s="89">
        <v>5.5675210948806203E-2</v>
      </c>
      <c r="T109" s="108">
        <v>0.63843165097456978</v>
      </c>
      <c r="U109" s="89">
        <v>6.317624302873176E-2</v>
      </c>
      <c r="V109" s="88">
        <v>7.3691329023635205E-2</v>
      </c>
      <c r="W109" s="89">
        <v>3.5833368498725655E-2</v>
      </c>
      <c r="X109" s="107">
        <v>231</v>
      </c>
      <c r="Y109" s="42">
        <v>1.753581633963438</v>
      </c>
      <c r="Z109" s="43">
        <v>0.15066067506932812</v>
      </c>
      <c r="AA109" s="108">
        <v>0.78683767955149708</v>
      </c>
      <c r="AB109" s="89">
        <v>5.3871587026105019E-2</v>
      </c>
      <c r="AC109" s="108">
        <v>6.6012720263658634E-2</v>
      </c>
      <c r="AD109" s="89">
        <v>3.4024325786816322E-2</v>
      </c>
      <c r="AE109" s="108">
        <v>0.12065307632662421</v>
      </c>
      <c r="AF109" s="89">
        <v>4.3457601081189699E-2</v>
      </c>
      <c r="AG109" s="88">
        <v>2.6496523858219576E-2</v>
      </c>
      <c r="AH109" s="89">
        <v>2.3829904143119713E-2</v>
      </c>
    </row>
    <row r="110" spans="1:34">
      <c r="A110" s="44" t="s">
        <v>545</v>
      </c>
      <c r="B110" s="109">
        <v>111</v>
      </c>
      <c r="C110" s="46">
        <v>2.7433817168101027</v>
      </c>
      <c r="D110" s="47">
        <v>0.38254567326085892</v>
      </c>
      <c r="E110" s="110">
        <v>0.66133660215231682</v>
      </c>
      <c r="F110" s="92">
        <v>8.8612445354284808E-2</v>
      </c>
      <c r="G110" s="110">
        <v>8.3200299265699371E-2</v>
      </c>
      <c r="H110" s="92">
        <v>5.5373151068004833E-2</v>
      </c>
      <c r="I110" s="110">
        <v>0.22558951531249341</v>
      </c>
      <c r="J110" s="92">
        <v>7.909182835364581E-2</v>
      </c>
      <c r="K110" s="91">
        <v>2.9873583269490096E-2</v>
      </c>
      <c r="L110" s="92">
        <v>3.9160308777584599E-2</v>
      </c>
      <c r="M110" s="109">
        <v>110</v>
      </c>
      <c r="N110" s="46">
        <v>3.2697357797531934</v>
      </c>
      <c r="O110" s="47">
        <v>0.35354637889838963</v>
      </c>
      <c r="P110" s="110">
        <v>0.11523100244619915</v>
      </c>
      <c r="Q110" s="92">
        <v>6.273302563916236E-2</v>
      </c>
      <c r="R110" s="110">
        <v>0.3172214595690479</v>
      </c>
      <c r="S110" s="92">
        <v>8.7638671200910429E-2</v>
      </c>
      <c r="T110" s="110">
        <v>0.45690655248800355</v>
      </c>
      <c r="U110" s="92">
        <v>9.333414550648618E-2</v>
      </c>
      <c r="V110" s="91">
        <v>0.110640985496749</v>
      </c>
      <c r="W110" s="92">
        <v>6.1800909196178401E-2</v>
      </c>
      <c r="X110" s="109">
        <v>112</v>
      </c>
      <c r="Y110" s="46">
        <v>1.6821365255702274</v>
      </c>
      <c r="Z110" s="47">
        <v>0.2146744388022864</v>
      </c>
      <c r="AA110" s="110">
        <v>0.78596167282093476</v>
      </c>
      <c r="AB110" s="92">
        <v>7.740807205253597E-2</v>
      </c>
      <c r="AC110" s="110">
        <v>6.229065441777986E-2</v>
      </c>
      <c r="AD110" s="92">
        <v>4.9617774995747606E-2</v>
      </c>
      <c r="AE110" s="110">
        <v>0.1032489105610495</v>
      </c>
      <c r="AF110" s="92">
        <v>5.9670752316165303E-2</v>
      </c>
      <c r="AG110" s="91">
        <v>4.8498762200235482E-2</v>
      </c>
      <c r="AH110" s="92">
        <v>4.5471890216571921E-2</v>
      </c>
    </row>
    <row r="111" spans="1:34">
      <c r="A111" s="52" t="s">
        <v>546</v>
      </c>
      <c r="B111" s="107">
        <v>283</v>
      </c>
      <c r="C111" s="42">
        <v>3.2222899968001788</v>
      </c>
      <c r="D111" s="43">
        <v>0.24207467220186082</v>
      </c>
      <c r="E111" s="108">
        <v>0.59934716281936207</v>
      </c>
      <c r="F111" s="89">
        <v>5.7884101679571948E-2</v>
      </c>
      <c r="G111" s="108">
        <v>0.12900386781499618</v>
      </c>
      <c r="H111" s="89">
        <v>4.0238268907348683E-2</v>
      </c>
      <c r="I111" s="108">
        <v>0.25599777554726311</v>
      </c>
      <c r="J111" s="89">
        <v>5.1744604639302035E-2</v>
      </c>
      <c r="K111" s="88">
        <v>1.5651193818381582E-2</v>
      </c>
      <c r="L111" s="89">
        <v>1.7470677743127848E-2</v>
      </c>
      <c r="M111" s="107">
        <v>286</v>
      </c>
      <c r="N111" s="42">
        <v>4.7313693305524822</v>
      </c>
      <c r="O111" s="43">
        <v>0.22320794603569477</v>
      </c>
      <c r="P111" s="108">
        <v>0.35858510435838453</v>
      </c>
      <c r="Q111" s="89">
        <v>5.6391451586721208E-2</v>
      </c>
      <c r="R111" s="108">
        <v>0.35538716402149539</v>
      </c>
      <c r="S111" s="89">
        <v>5.6282545322120486E-2</v>
      </c>
      <c r="T111" s="108">
        <v>0.2335884038440188</v>
      </c>
      <c r="U111" s="89">
        <v>4.9961266830741792E-2</v>
      </c>
      <c r="V111" s="88">
        <v>5.2439327776104425E-2</v>
      </c>
      <c r="W111" s="89">
        <v>2.7587389442317686E-2</v>
      </c>
      <c r="X111" s="107">
        <v>290</v>
      </c>
      <c r="Y111" s="42">
        <v>1.7331961740226838</v>
      </c>
      <c r="Z111" s="43">
        <v>0.12991546243848581</v>
      </c>
      <c r="AA111" s="108">
        <v>0.77956106865109898</v>
      </c>
      <c r="AB111" s="89">
        <v>4.8649487973379257E-2</v>
      </c>
      <c r="AC111" s="108">
        <v>9.6000172377212215E-2</v>
      </c>
      <c r="AD111" s="89">
        <v>3.5224290980956266E-2</v>
      </c>
      <c r="AE111" s="108">
        <v>0.10809384877439421</v>
      </c>
      <c r="AF111" s="89">
        <v>3.6988777351328689E-2</v>
      </c>
      <c r="AG111" s="88">
        <v>1.6344910197295896E-2</v>
      </c>
      <c r="AH111" s="89">
        <v>1.7457308235631835E-2</v>
      </c>
    </row>
    <row r="112" spans="1:34">
      <c r="A112" s="44" t="s">
        <v>557</v>
      </c>
      <c r="B112" s="109">
        <v>110</v>
      </c>
      <c r="C112" s="46">
        <v>3.1470951488389884</v>
      </c>
      <c r="D112" s="47">
        <v>0.37316956335794388</v>
      </c>
      <c r="E112" s="110">
        <v>0.61760772479470849</v>
      </c>
      <c r="F112" s="92">
        <v>9.1214424707081104E-2</v>
      </c>
      <c r="G112" s="110">
        <v>0.1273860296101787</v>
      </c>
      <c r="H112" s="92">
        <v>6.5085944557363842E-2</v>
      </c>
      <c r="I112" s="110">
        <v>0.22891340024044599</v>
      </c>
      <c r="J112" s="92">
        <v>7.9819671680162213E-2</v>
      </c>
      <c r="K112" s="91">
        <v>2.6092845354667459E-2</v>
      </c>
      <c r="L112" s="92">
        <v>3.7880730877722008E-2</v>
      </c>
      <c r="M112" s="109">
        <v>111</v>
      </c>
      <c r="N112" s="46">
        <v>4.5644777945910207</v>
      </c>
      <c r="O112" s="47">
        <v>0.34601424452424512</v>
      </c>
      <c r="P112" s="110">
        <v>0.28692227999560449</v>
      </c>
      <c r="Q112" s="92">
        <v>8.4996442766832936E-2</v>
      </c>
      <c r="R112" s="110">
        <v>0.41519684301674253</v>
      </c>
      <c r="S112" s="92">
        <v>9.1992439668824547E-2</v>
      </c>
      <c r="T112" s="110">
        <v>0.24626089720030328</v>
      </c>
      <c r="U112" s="92">
        <v>8.129761299457483E-2</v>
      </c>
      <c r="V112" s="91">
        <v>5.1619979787350445E-2</v>
      </c>
      <c r="W112" s="92">
        <v>4.6698977522932394E-2</v>
      </c>
      <c r="X112" s="109">
        <v>112</v>
      </c>
      <c r="Y112" s="46">
        <v>1.6791483400183198</v>
      </c>
      <c r="Z112" s="47">
        <v>0.17953752906825773</v>
      </c>
      <c r="AA112" s="110">
        <v>0.81508314884072519</v>
      </c>
      <c r="AB112" s="92">
        <v>7.3684153323155033E-2</v>
      </c>
      <c r="AC112" s="110">
        <v>4.3679970746981364E-2</v>
      </c>
      <c r="AD112" s="92">
        <v>4.3898387690452498E-2</v>
      </c>
      <c r="AE112" s="110">
        <v>0.12826775391459158</v>
      </c>
      <c r="AF112" s="92">
        <v>6.4642469645753917E-2</v>
      </c>
      <c r="AG112" s="91">
        <v>1.2969126497702583E-2</v>
      </c>
      <c r="AH112" s="92">
        <v>3.1555884115527427E-2</v>
      </c>
    </row>
    <row r="113" spans="1:34">
      <c r="A113" s="52" t="s">
        <v>558</v>
      </c>
      <c r="B113" s="107">
        <v>111</v>
      </c>
      <c r="C113" s="42">
        <v>3.158790059411241</v>
      </c>
      <c r="D113" s="43">
        <v>0.40487145465786684</v>
      </c>
      <c r="E113" s="108">
        <v>0.6061527440776181</v>
      </c>
      <c r="F113" s="89">
        <v>9.1271568242295625E-2</v>
      </c>
      <c r="G113" s="108">
        <v>9.8511003786425841E-2</v>
      </c>
      <c r="H113" s="89">
        <v>5.8925162324441678E-2</v>
      </c>
      <c r="I113" s="108">
        <v>0.2820591036136561</v>
      </c>
      <c r="J113" s="89">
        <v>8.4595924641441986E-2</v>
      </c>
      <c r="K113" s="88">
        <v>1.3277148522300324E-2</v>
      </c>
      <c r="L113" s="89">
        <v>3.1920661412071123E-2</v>
      </c>
      <c r="M113" s="107">
        <v>112</v>
      </c>
      <c r="N113" s="42">
        <v>5.3675753661025984</v>
      </c>
      <c r="O113" s="43">
        <v>0.33909094648314114</v>
      </c>
      <c r="P113" s="108">
        <v>0.53721542881233098</v>
      </c>
      <c r="Q113" s="89">
        <v>9.2607604038536004E-2</v>
      </c>
      <c r="R113" s="108">
        <v>0.2772444450025725</v>
      </c>
      <c r="S113" s="89">
        <v>8.3818982505837081E-2</v>
      </c>
      <c r="T113" s="108">
        <v>0.14594221765244669</v>
      </c>
      <c r="U113" s="89">
        <v>6.7757003493168128E-2</v>
      </c>
      <c r="V113" s="88">
        <v>3.9597908532650189E-2</v>
      </c>
      <c r="W113" s="89">
        <v>4.2506184335006629E-2</v>
      </c>
      <c r="X113" s="107">
        <v>114</v>
      </c>
      <c r="Y113" s="42">
        <v>1.7832162470502881</v>
      </c>
      <c r="Z113" s="43">
        <v>0.23393952787569419</v>
      </c>
      <c r="AA113" s="108">
        <v>0.7580360332737619</v>
      </c>
      <c r="AB113" s="89">
        <v>7.9799530605075344E-2</v>
      </c>
      <c r="AC113" s="108">
        <v>0.11415776941366658</v>
      </c>
      <c r="AD113" s="89">
        <v>6.1354173363512489E-2</v>
      </c>
      <c r="AE113" s="108">
        <v>0.1159142080575593</v>
      </c>
      <c r="AF113" s="89">
        <v>6.1701872671081924E-2</v>
      </c>
      <c r="AG113" s="88">
        <v>1.1891989255012296E-2</v>
      </c>
      <c r="AH113" s="89">
        <v>3.0603701081133399E-2</v>
      </c>
    </row>
    <row r="114" spans="1:34">
      <c r="A114" s="44" t="s">
        <v>549</v>
      </c>
      <c r="B114" s="109">
        <v>62</v>
      </c>
      <c r="C114" s="46">
        <v>3.4548932640723176</v>
      </c>
      <c r="D114" s="47">
        <v>0.50959365206666529</v>
      </c>
      <c r="E114" s="110">
        <v>0.5558983922316183</v>
      </c>
      <c r="F114" s="92">
        <v>0.12241079268731643</v>
      </c>
      <c r="G114" s="110">
        <v>0.18195958413341601</v>
      </c>
      <c r="H114" s="92">
        <v>9.8700444221529168E-2</v>
      </c>
      <c r="I114" s="110">
        <v>0.26104171925050923</v>
      </c>
      <c r="J114" s="92">
        <v>0.10998912978411014</v>
      </c>
      <c r="K114" s="91">
        <v>1.1003043844565418E-3</v>
      </c>
      <c r="L114" s="92">
        <v>4.2891451409907112E-2</v>
      </c>
      <c r="M114" s="109">
        <v>63</v>
      </c>
      <c r="N114" s="46">
        <v>3.9603240307898839</v>
      </c>
      <c r="O114" s="47">
        <v>0.49897747090084632</v>
      </c>
      <c r="P114" s="110">
        <v>0.19523480958371095</v>
      </c>
      <c r="Q114" s="92">
        <v>0.10011262007870453</v>
      </c>
      <c r="R114" s="110">
        <v>0.37617882099504352</v>
      </c>
      <c r="S114" s="92">
        <v>0.11881110513315807</v>
      </c>
      <c r="T114" s="110">
        <v>0.35377407847877251</v>
      </c>
      <c r="U114" s="92">
        <v>0.11745938533387974</v>
      </c>
      <c r="V114" s="91">
        <v>7.4812290942473061E-2</v>
      </c>
      <c r="W114" s="92">
        <v>7.3365682636610349E-2</v>
      </c>
      <c r="X114" s="109">
        <v>64</v>
      </c>
      <c r="Y114" s="46">
        <v>1.7470020769383718</v>
      </c>
      <c r="Z114" s="47">
        <v>0.26280843207534377</v>
      </c>
      <c r="AA114" s="110">
        <v>0.75219138265273566</v>
      </c>
      <c r="AB114" s="92">
        <v>0.10673271911432723</v>
      </c>
      <c r="AC114" s="110">
        <v>0.15826139798119671</v>
      </c>
      <c r="AD114" s="92">
        <v>9.2847145218958566E-2</v>
      </c>
      <c r="AE114" s="110">
        <v>6.0072067900445329E-2</v>
      </c>
      <c r="AF114" s="92">
        <v>6.7980424450635138E-2</v>
      </c>
      <c r="AG114" s="91">
        <v>2.947515146562233E-2</v>
      </c>
      <c r="AH114" s="92">
        <v>5.6300981473125823E-2</v>
      </c>
    </row>
    <row r="115" spans="1:34">
      <c r="A115" s="52" t="s">
        <v>550</v>
      </c>
      <c r="B115" s="107">
        <v>160</v>
      </c>
      <c r="C115" s="42">
        <v>3.1914350110756895</v>
      </c>
      <c r="D115" s="43">
        <v>0.32664796027116383</v>
      </c>
      <c r="E115" s="108">
        <v>0.58001773223099473</v>
      </c>
      <c r="F115" s="89">
        <v>7.7129236985763294E-2</v>
      </c>
      <c r="G115" s="108">
        <v>0.11761921553345331</v>
      </c>
      <c r="H115" s="89">
        <v>5.1992118734634683E-2</v>
      </c>
      <c r="I115" s="108">
        <v>0.27601824407034664</v>
      </c>
      <c r="J115" s="89">
        <v>7.0234717988145609E-2</v>
      </c>
      <c r="K115" s="88">
        <v>2.6344808165204923E-2</v>
      </c>
      <c r="L115" s="89">
        <v>2.9821077370602189E-2</v>
      </c>
      <c r="M115" s="107">
        <v>162</v>
      </c>
      <c r="N115" s="42">
        <v>3.8085020635861238</v>
      </c>
      <c r="O115" s="43">
        <v>0.31806969842373412</v>
      </c>
      <c r="P115" s="108">
        <v>0.20437727505428263</v>
      </c>
      <c r="Q115" s="89">
        <v>6.3391718150580562E-2</v>
      </c>
      <c r="R115" s="108">
        <v>0.32666995498669243</v>
      </c>
      <c r="S115" s="89">
        <v>7.303854756705358E-2</v>
      </c>
      <c r="T115" s="108">
        <v>0.37664339880487652</v>
      </c>
      <c r="U115" s="89">
        <v>7.5331821099644952E-2</v>
      </c>
      <c r="V115" s="88">
        <v>9.2309371154147807E-2</v>
      </c>
      <c r="W115" s="89">
        <v>4.700731618594492E-2</v>
      </c>
      <c r="X115" s="107">
        <v>162</v>
      </c>
      <c r="Y115" s="42">
        <v>1.9378203973887875</v>
      </c>
      <c r="Z115" s="43">
        <v>0.19857383764763581</v>
      </c>
      <c r="AA115" s="108">
        <v>0.72915880863070859</v>
      </c>
      <c r="AB115" s="89">
        <v>6.941867611838877E-2</v>
      </c>
      <c r="AC115" s="108">
        <v>8.7787582282085955E-2</v>
      </c>
      <c r="AD115" s="89">
        <v>4.6093444317759698E-2</v>
      </c>
      <c r="AE115" s="108">
        <v>0.17420193299381512</v>
      </c>
      <c r="AF115" s="89">
        <v>5.9901400940595366E-2</v>
      </c>
      <c r="AG115" s="88">
        <v>8.8516760933908308E-3</v>
      </c>
      <c r="AH115" s="89">
        <v>2.2094343745549808E-2</v>
      </c>
    </row>
    <row r="116" spans="1:34">
      <c r="A116" s="44" t="s">
        <v>551</v>
      </c>
      <c r="B116" s="109">
        <v>673</v>
      </c>
      <c r="C116" s="46">
        <v>3.6880972132095051</v>
      </c>
      <c r="D116" s="47">
        <v>0.15887951351273069</v>
      </c>
      <c r="E116" s="110">
        <v>0.47035010909763963</v>
      </c>
      <c r="F116" s="92">
        <v>3.8366285794792114E-2</v>
      </c>
      <c r="G116" s="110">
        <v>0.1331087142521396</v>
      </c>
      <c r="H116" s="92">
        <v>2.6289687251390591E-2</v>
      </c>
      <c r="I116" s="110">
        <v>0.37073903534603903</v>
      </c>
      <c r="J116" s="92">
        <v>3.7142263940092603E-2</v>
      </c>
      <c r="K116" s="91">
        <v>2.5802141304185379E-2</v>
      </c>
      <c r="L116" s="92">
        <v>1.2812871578372138E-2</v>
      </c>
      <c r="M116" s="109">
        <v>681</v>
      </c>
      <c r="N116" s="46">
        <v>3.3988993211595875</v>
      </c>
      <c r="O116" s="47">
        <v>0.1272602076864976</v>
      </c>
      <c r="P116" s="110">
        <v>9.1894373465818704E-2</v>
      </c>
      <c r="Q116" s="92">
        <v>2.2329873321236603E-2</v>
      </c>
      <c r="R116" s="110">
        <v>0.35833304543916988</v>
      </c>
      <c r="S116" s="92">
        <v>3.6660938321631413E-2</v>
      </c>
      <c r="T116" s="110">
        <v>0.49559021347636412</v>
      </c>
      <c r="U116" s="92">
        <v>3.8206567267396956E-2</v>
      </c>
      <c r="V116" s="91">
        <v>5.4182367618650959E-2</v>
      </c>
      <c r="W116" s="92">
        <v>1.7685173558625221E-2</v>
      </c>
      <c r="X116" s="109">
        <v>661</v>
      </c>
      <c r="Y116" s="46">
        <v>2.2699903118685434</v>
      </c>
      <c r="Z116" s="47">
        <v>0.10455960124700502</v>
      </c>
      <c r="AA116" s="110">
        <v>0.59831424677579326</v>
      </c>
      <c r="AB116" s="92">
        <v>3.8030477541288243E-2</v>
      </c>
      <c r="AC116" s="110">
        <v>0.17331900225304989</v>
      </c>
      <c r="AD116" s="92">
        <v>2.948781013057113E-2</v>
      </c>
      <c r="AE116" s="110">
        <v>0.1976110556785195</v>
      </c>
      <c r="AF116" s="92">
        <v>3.098946092552949E-2</v>
      </c>
      <c r="AG116" s="91">
        <v>3.0755695292641959E-2</v>
      </c>
      <c r="AH116" s="92">
        <v>1.3971123977948349E-2</v>
      </c>
    </row>
    <row r="119" spans="1:34" ht="18.75">
      <c r="A119" s="342" t="s">
        <v>479</v>
      </c>
      <c r="B119" s="342"/>
      <c r="C119" s="342"/>
      <c r="D119" s="342"/>
      <c r="E119" s="342"/>
      <c r="F119" s="342"/>
      <c r="G119" s="342"/>
      <c r="H119" s="342"/>
      <c r="I119" s="342"/>
      <c r="J119" s="342"/>
      <c r="K119" s="342"/>
      <c r="L119" s="342"/>
    </row>
    <row r="120" spans="1:34" ht="59.25" customHeight="1">
      <c r="A120" s="364" t="s">
        <v>480</v>
      </c>
      <c r="B120" s="364"/>
      <c r="C120" s="364"/>
      <c r="D120" s="364"/>
      <c r="E120" s="364"/>
      <c r="F120" s="364"/>
      <c r="G120" s="364"/>
      <c r="H120" s="364"/>
      <c r="I120" s="364"/>
      <c r="J120" s="364"/>
      <c r="K120" s="364"/>
      <c r="L120" s="364"/>
    </row>
    <row r="121" spans="1:34" ht="45" customHeight="1">
      <c r="A121" s="362" t="s">
        <v>478</v>
      </c>
      <c r="B121" s="363"/>
      <c r="C121" s="363"/>
      <c r="D121" s="363"/>
      <c r="E121" s="363"/>
      <c r="F121" s="363"/>
      <c r="G121" s="363"/>
      <c r="H121" s="363"/>
      <c r="I121" s="363"/>
      <c r="J121" s="363"/>
      <c r="K121" s="363"/>
      <c r="L121" s="363"/>
    </row>
    <row r="122" spans="1:34" ht="72">
      <c r="A122" s="32" t="s">
        <v>71</v>
      </c>
      <c r="B122" s="60" t="s">
        <v>72</v>
      </c>
      <c r="C122" s="60" t="s">
        <v>592</v>
      </c>
      <c r="D122" s="83" t="s">
        <v>73</v>
      </c>
      <c r="E122" s="60" t="s">
        <v>156</v>
      </c>
      <c r="F122" s="83" t="s">
        <v>85</v>
      </c>
      <c r="G122" s="60" t="s">
        <v>157</v>
      </c>
      <c r="H122" s="83" t="s">
        <v>86</v>
      </c>
      <c r="I122" s="60" t="s">
        <v>158</v>
      </c>
      <c r="J122" s="83" t="s">
        <v>87</v>
      </c>
      <c r="K122" s="60" t="s">
        <v>301</v>
      </c>
      <c r="L122" s="83" t="s">
        <v>300</v>
      </c>
    </row>
    <row r="123" spans="1:34" ht="72">
      <c r="A123" s="36"/>
      <c r="B123" s="63" t="s">
        <v>74</v>
      </c>
      <c r="C123" s="63" t="s">
        <v>302</v>
      </c>
      <c r="D123" s="85" t="s">
        <v>76</v>
      </c>
      <c r="E123" s="63" t="s">
        <v>159</v>
      </c>
      <c r="F123" s="85" t="s">
        <v>88</v>
      </c>
      <c r="G123" s="63" t="s">
        <v>160</v>
      </c>
      <c r="H123" s="85" t="s">
        <v>88</v>
      </c>
      <c r="I123" s="63" t="s">
        <v>161</v>
      </c>
      <c r="J123" s="85" t="s">
        <v>88</v>
      </c>
      <c r="K123" s="63" t="s">
        <v>301</v>
      </c>
      <c r="L123" s="85" t="s">
        <v>88</v>
      </c>
    </row>
    <row r="124" spans="1:34">
      <c r="A124" s="40" t="s">
        <v>350</v>
      </c>
      <c r="B124" s="107">
        <v>13874</v>
      </c>
      <c r="C124" s="42">
        <v>5.0634827782403242</v>
      </c>
      <c r="D124" s="43">
        <v>2.7159998507101851E-2</v>
      </c>
      <c r="E124" s="108">
        <v>0.15727631081079141</v>
      </c>
      <c r="F124" s="89">
        <v>6.1823231189941574E-3</v>
      </c>
      <c r="G124" s="108">
        <v>0.16470468259302579</v>
      </c>
      <c r="H124" s="89">
        <v>6.2985676792330471E-3</v>
      </c>
      <c r="I124" s="108">
        <v>0.66027281990802011</v>
      </c>
      <c r="J124" s="89">
        <v>8.040957064815564E-3</v>
      </c>
      <c r="K124" s="88">
        <v>1.7746186688175177E-2</v>
      </c>
      <c r="L124" s="89">
        <v>2.2500615627494983E-3</v>
      </c>
    </row>
    <row r="125" spans="1:34">
      <c r="A125" s="44" t="s">
        <v>351</v>
      </c>
      <c r="B125" s="109">
        <v>10169</v>
      </c>
      <c r="C125" s="46">
        <v>5.1868473565848552</v>
      </c>
      <c r="D125" s="47">
        <v>3.1449030036259353E-2</v>
      </c>
      <c r="E125" s="110">
        <v>0.14559714006374416</v>
      </c>
      <c r="F125" s="92">
        <v>6.9965759779157316E-3</v>
      </c>
      <c r="G125" s="110">
        <v>0.14989961557926051</v>
      </c>
      <c r="H125" s="92">
        <v>7.0811696047721308E-3</v>
      </c>
      <c r="I125" s="110">
        <v>0.69324695550056037</v>
      </c>
      <c r="J125" s="92">
        <v>9.1447930053415571E-3</v>
      </c>
      <c r="K125" s="91">
        <v>1.1256288856427257E-2</v>
      </c>
      <c r="L125" s="92">
        <v>2.1094959711019522E-3</v>
      </c>
    </row>
    <row r="126" spans="1:34">
      <c r="A126" s="40" t="s">
        <v>352</v>
      </c>
      <c r="B126" s="78">
        <v>3705</v>
      </c>
      <c r="C126" s="42">
        <v>4.9626142427155866</v>
      </c>
      <c r="D126" s="43">
        <v>5.2884839506120052E-2</v>
      </c>
      <c r="E126" s="93">
        <v>0.16671241382169902</v>
      </c>
      <c r="F126" s="89">
        <v>1.2250589576164537E-2</v>
      </c>
      <c r="G126" s="93">
        <v>0.17666633127948095</v>
      </c>
      <c r="H126" s="89">
        <v>1.2534372739120028E-2</v>
      </c>
      <c r="I126" s="93">
        <v>0.63363160137579666</v>
      </c>
      <c r="J126" s="89">
        <v>1.5823953681712175E-2</v>
      </c>
      <c r="K126" s="88">
        <v>2.2989653523023176E-2</v>
      </c>
      <c r="L126" s="89">
        <v>4.9751766494316842E-3</v>
      </c>
    </row>
    <row r="127" spans="1:34">
      <c r="A127" s="44" t="s">
        <v>555</v>
      </c>
      <c r="B127" s="109">
        <v>3602</v>
      </c>
      <c r="C127" s="46">
        <v>5.0984434467193198</v>
      </c>
      <c r="D127" s="47">
        <v>5.3212897974739048E-2</v>
      </c>
      <c r="E127" s="110">
        <v>0.15865931555797069</v>
      </c>
      <c r="F127" s="92">
        <v>1.2180236475139505E-2</v>
      </c>
      <c r="G127" s="110">
        <v>0.15462117258672831</v>
      </c>
      <c r="H127" s="92">
        <v>1.205358524542316E-2</v>
      </c>
      <c r="I127" s="110">
        <v>0.6756579413371866</v>
      </c>
      <c r="J127" s="92">
        <v>1.5593729410759196E-2</v>
      </c>
      <c r="K127" s="91">
        <v>1.1061570518122335E-2</v>
      </c>
      <c r="L127" s="92">
        <v>3.5668530507989202E-3</v>
      </c>
    </row>
    <row r="128" spans="1:34">
      <c r="A128" s="40" t="s">
        <v>556</v>
      </c>
      <c r="B128" s="78">
        <v>2954</v>
      </c>
      <c r="C128" s="42">
        <v>5.3287137628915424</v>
      </c>
      <c r="D128" s="43">
        <v>5.7898891770722619E-2</v>
      </c>
      <c r="E128" s="93">
        <v>0.12330323415013865</v>
      </c>
      <c r="F128" s="89">
        <v>1.2111888848140608E-2</v>
      </c>
      <c r="G128" s="93">
        <v>0.13905876259430069</v>
      </c>
      <c r="H128" s="89">
        <v>1.2742497148966785E-2</v>
      </c>
      <c r="I128" s="93">
        <v>0.73156323883254748</v>
      </c>
      <c r="J128" s="89">
        <v>1.6301892829650718E-2</v>
      </c>
      <c r="K128" s="88">
        <v>6.074764423011688E-3</v>
      </c>
      <c r="L128" s="89">
        <v>3.0093877209410587E-3</v>
      </c>
    </row>
    <row r="129" spans="1:12">
      <c r="A129" s="44" t="s">
        <v>536</v>
      </c>
      <c r="B129" s="109">
        <v>328</v>
      </c>
      <c r="C129" s="46">
        <v>5.2902766145397973</v>
      </c>
      <c r="D129" s="47">
        <v>0.17856855429700172</v>
      </c>
      <c r="E129" s="110">
        <v>0.13971535471957183</v>
      </c>
      <c r="F129" s="92">
        <v>3.8543351270882389E-2</v>
      </c>
      <c r="G129" s="110">
        <v>0.10835550432964251</v>
      </c>
      <c r="H129" s="92">
        <v>3.4760515917009724E-2</v>
      </c>
      <c r="I129" s="110">
        <v>0.75192914095078611</v>
      </c>
      <c r="J129" s="92">
        <v>4.7599211720770002E-2</v>
      </c>
      <c r="K129" s="91">
        <v>0</v>
      </c>
      <c r="L129" s="92">
        <v>8.4936593276665057E-3</v>
      </c>
    </row>
    <row r="130" spans="1:12">
      <c r="A130" s="40" t="s">
        <v>537</v>
      </c>
      <c r="B130" s="78">
        <v>160</v>
      </c>
      <c r="C130" s="42">
        <v>5.4551099482574701</v>
      </c>
      <c r="D130" s="43">
        <v>0.23573156487008814</v>
      </c>
      <c r="E130" s="93">
        <v>8.7773274108618585E-2</v>
      </c>
      <c r="F130" s="89">
        <v>4.6396317191905859E-2</v>
      </c>
      <c r="G130" s="93">
        <v>0.1019832125737487</v>
      </c>
      <c r="H130" s="89">
        <v>4.9192522042287308E-2</v>
      </c>
      <c r="I130" s="93">
        <v>0.81024351331763256</v>
      </c>
      <c r="J130" s="89">
        <v>6.215379760114869E-2</v>
      </c>
      <c r="K130" s="88">
        <v>0</v>
      </c>
      <c r="L130" s="89">
        <v>1.7141022646310424E-2</v>
      </c>
    </row>
    <row r="131" spans="1:12">
      <c r="A131" s="44" t="s">
        <v>538</v>
      </c>
      <c r="B131" s="109">
        <v>89</v>
      </c>
      <c r="C131" s="46">
        <v>4.9541564604712365</v>
      </c>
      <c r="D131" s="47">
        <v>0.35694381276512105</v>
      </c>
      <c r="E131" s="110">
        <v>0.21362818766299696</v>
      </c>
      <c r="F131" s="92">
        <v>8.6731323276339006E-2</v>
      </c>
      <c r="G131" s="110">
        <v>0.13241163810723938</v>
      </c>
      <c r="H131" s="92">
        <v>7.3689894111061735E-2</v>
      </c>
      <c r="I131" s="110">
        <v>0.65396017422976327</v>
      </c>
      <c r="J131" s="92">
        <v>9.9090801328988801E-2</v>
      </c>
      <c r="K131" s="91">
        <v>0</v>
      </c>
      <c r="L131" s="92">
        <v>3.0084393934100805E-2</v>
      </c>
    </row>
    <row r="132" spans="1:12">
      <c r="A132" s="40" t="s">
        <v>539</v>
      </c>
      <c r="B132" s="78">
        <v>244</v>
      </c>
      <c r="C132" s="42">
        <v>5.3073638440281465</v>
      </c>
      <c r="D132" s="43">
        <v>0.20575970723446185</v>
      </c>
      <c r="E132" s="93">
        <v>0.11811426107001781</v>
      </c>
      <c r="F132" s="89">
        <v>4.1896522654746825E-2</v>
      </c>
      <c r="G132" s="93">
        <v>0.12992563488814363</v>
      </c>
      <c r="H132" s="89">
        <v>4.3519969536387461E-2</v>
      </c>
      <c r="I132" s="93">
        <v>0.74496451311065437</v>
      </c>
      <c r="J132" s="89">
        <v>5.5635986560765904E-2</v>
      </c>
      <c r="K132" s="88">
        <v>6.9955909311819452E-3</v>
      </c>
      <c r="L132" s="89">
        <v>1.5410435257944876E-2</v>
      </c>
    </row>
    <row r="133" spans="1:12">
      <c r="A133" s="44" t="s">
        <v>540</v>
      </c>
      <c r="B133" s="109">
        <v>82</v>
      </c>
      <c r="C133" s="46">
        <v>4.9859625345041341</v>
      </c>
      <c r="D133" s="47">
        <v>0.38868872763798606</v>
      </c>
      <c r="E133" s="110">
        <v>0.19154715465989228</v>
      </c>
      <c r="F133" s="92">
        <v>8.7205062343783529E-2</v>
      </c>
      <c r="G133" s="110">
        <v>0.108375080735268</v>
      </c>
      <c r="H133" s="92">
        <v>7.1711669521580187E-2</v>
      </c>
      <c r="I133" s="110">
        <v>0.67892740439513743</v>
      </c>
      <c r="J133" s="92">
        <v>0.10136139944383453</v>
      </c>
      <c r="K133" s="91">
        <v>2.1150360209701895E-2</v>
      </c>
      <c r="L133" s="92">
        <v>4.3953955024438995E-2</v>
      </c>
    </row>
    <row r="134" spans="1:12">
      <c r="A134" s="40" t="s">
        <v>541</v>
      </c>
      <c r="B134" s="107">
        <v>91</v>
      </c>
      <c r="C134" s="42">
        <v>5.5091779923660686</v>
      </c>
      <c r="D134" s="43">
        <v>0.33920322775187634</v>
      </c>
      <c r="E134" s="108">
        <v>0.11514554059206046</v>
      </c>
      <c r="F134" s="89">
        <v>6.9311541512787789E-2</v>
      </c>
      <c r="G134" s="108">
        <v>5.5852872207881432E-2</v>
      </c>
      <c r="H134" s="89">
        <v>5.3898748829449582E-2</v>
      </c>
      <c r="I134" s="108">
        <v>0.82900158720005801</v>
      </c>
      <c r="J134" s="89">
        <v>7.965218545741902E-2</v>
      </c>
      <c r="K134" s="88">
        <v>0</v>
      </c>
      <c r="L134" s="89">
        <v>2.9457850911392545E-2</v>
      </c>
    </row>
    <row r="135" spans="1:12">
      <c r="A135" s="44" t="s">
        <v>542</v>
      </c>
      <c r="B135" s="109">
        <v>71</v>
      </c>
      <c r="C135" s="46">
        <v>5.4109540047149096</v>
      </c>
      <c r="D135" s="47">
        <v>0.31887622553720529</v>
      </c>
      <c r="E135" s="110">
        <v>4.4497273578335939E-2</v>
      </c>
      <c r="F135" s="92">
        <v>5.8450473492674529E-2</v>
      </c>
      <c r="G135" s="110">
        <v>0.23547351334398012</v>
      </c>
      <c r="H135" s="92">
        <v>9.9944150070973875E-2</v>
      </c>
      <c r="I135" s="110">
        <v>0.72002921307768342</v>
      </c>
      <c r="J135" s="92">
        <v>0.10497326022485186</v>
      </c>
      <c r="K135" s="91">
        <v>0</v>
      </c>
      <c r="L135" s="92">
        <v>3.7206132509255738E-2</v>
      </c>
    </row>
    <row r="136" spans="1:12">
      <c r="A136" s="40" t="s">
        <v>543</v>
      </c>
      <c r="B136" s="78">
        <v>473</v>
      </c>
      <c r="C136" s="42">
        <v>5.4067779751237905</v>
      </c>
      <c r="D136" s="43">
        <v>0.14639159391401471</v>
      </c>
      <c r="E136" s="93">
        <v>0.12054738424977525</v>
      </c>
      <c r="F136" s="89">
        <v>3.0152709602547265E-2</v>
      </c>
      <c r="G136" s="93">
        <v>0.13097595584963145</v>
      </c>
      <c r="H136" s="89">
        <v>3.1201730708814789E-2</v>
      </c>
      <c r="I136" s="93">
        <v>0.73756035928463548</v>
      </c>
      <c r="J136" s="89">
        <v>4.0386767955240696E-2</v>
      </c>
      <c r="K136" s="93">
        <v>1.0916300615958668E-2</v>
      </c>
      <c r="L136" s="89">
        <v>1.1137449687066696E-2</v>
      </c>
    </row>
    <row r="137" spans="1:12">
      <c r="A137" s="44" t="s">
        <v>616</v>
      </c>
      <c r="B137" s="109">
        <v>244</v>
      </c>
      <c r="C137" s="46">
        <v>5.1102517065433188</v>
      </c>
      <c r="D137" s="47">
        <v>0.21689146556184682</v>
      </c>
      <c r="E137" s="110">
        <v>0.16243547934516908</v>
      </c>
      <c r="F137" s="92">
        <v>4.7467535769542449E-2</v>
      </c>
      <c r="G137" s="110">
        <v>0.16362756684027985</v>
      </c>
      <c r="H137" s="92">
        <v>4.7599477493587124E-2</v>
      </c>
      <c r="I137" s="110">
        <v>0.65912424541495374</v>
      </c>
      <c r="J137" s="92">
        <v>6.0306967264563034E-2</v>
      </c>
      <c r="K137" s="91">
        <v>1.4812708399595063E-2</v>
      </c>
      <c r="L137" s="92">
        <v>1.8890950557092966E-2</v>
      </c>
    </row>
    <row r="138" spans="1:12">
      <c r="A138" s="40" t="s">
        <v>544</v>
      </c>
      <c r="B138" s="107">
        <v>229</v>
      </c>
      <c r="C138" s="42">
        <v>5.6716652705821966</v>
      </c>
      <c r="D138" s="43">
        <v>0.18814166664693144</v>
      </c>
      <c r="E138" s="108">
        <v>8.2847511018075484E-2</v>
      </c>
      <c r="F138" s="89">
        <v>3.7498456660296171E-2</v>
      </c>
      <c r="G138" s="108">
        <v>0.10158904789034376</v>
      </c>
      <c r="H138" s="89">
        <v>4.0738237645115256E-2</v>
      </c>
      <c r="I138" s="108">
        <v>0.80815396214339075</v>
      </c>
      <c r="J138" s="89">
        <v>5.2126215201096421E-2</v>
      </c>
      <c r="K138" s="88">
        <v>7.4094789481895509E-3</v>
      </c>
      <c r="L138" s="89">
        <v>1.6372404093814324E-2</v>
      </c>
    </row>
    <row r="139" spans="1:12">
      <c r="A139" s="44" t="s">
        <v>545</v>
      </c>
      <c r="B139" s="109">
        <v>111</v>
      </c>
      <c r="C139" s="46">
        <v>5.5323915979541418</v>
      </c>
      <c r="D139" s="47">
        <v>0.3020524949019861</v>
      </c>
      <c r="E139" s="110">
        <v>9.0977935425931272E-2</v>
      </c>
      <c r="F139" s="92">
        <v>5.7221686992252108E-2</v>
      </c>
      <c r="G139" s="110">
        <v>0.15516930039904953</v>
      </c>
      <c r="H139" s="92">
        <v>6.9587556479298748E-2</v>
      </c>
      <c r="I139" s="110">
        <v>0.74612787831917382</v>
      </c>
      <c r="J139" s="92">
        <v>8.205236163200505E-2</v>
      </c>
      <c r="K139" s="91">
        <v>7.7248858558449955E-3</v>
      </c>
      <c r="L139" s="92">
        <v>2.903077847295497E-2</v>
      </c>
    </row>
    <row r="140" spans="1:12">
      <c r="A140" s="40" t="s">
        <v>546</v>
      </c>
      <c r="B140" s="107">
        <v>288</v>
      </c>
      <c r="C140" s="42">
        <v>5.039782567290982</v>
      </c>
      <c r="D140" s="43">
        <v>0.19871099148063065</v>
      </c>
      <c r="E140" s="108">
        <v>0.17845886369889027</v>
      </c>
      <c r="F140" s="89">
        <v>4.5242794583862142E-2</v>
      </c>
      <c r="G140" s="108">
        <v>0.1691833777489711</v>
      </c>
      <c r="H140" s="89">
        <v>4.4342714503884564E-2</v>
      </c>
      <c r="I140" s="108">
        <v>0.64836328977414537</v>
      </c>
      <c r="J140" s="89">
        <v>5.5958309216832612E-2</v>
      </c>
      <c r="K140" s="88">
        <v>3.9944687779957947E-3</v>
      </c>
      <c r="L140" s="89">
        <v>1.2091353851057035E-2</v>
      </c>
    </row>
    <row r="141" spans="1:12">
      <c r="A141" s="44" t="s">
        <v>557</v>
      </c>
      <c r="B141" s="109">
        <v>111</v>
      </c>
      <c r="C141" s="46">
        <v>5.0918687644740137</v>
      </c>
      <c r="D141" s="47">
        <v>0.31548368314033653</v>
      </c>
      <c r="E141" s="110">
        <v>0.19878808009546922</v>
      </c>
      <c r="F141" s="92">
        <v>7.5865594959679511E-2</v>
      </c>
      <c r="G141" s="110">
        <v>0.12972633647810561</v>
      </c>
      <c r="H141" s="92">
        <v>6.5213792750658875E-2</v>
      </c>
      <c r="I141" s="110">
        <v>0.67148558342642584</v>
      </c>
      <c r="J141" s="92">
        <v>8.7992656299960309E-2</v>
      </c>
      <c r="K141" s="91">
        <v>0</v>
      </c>
      <c r="L141" s="92">
        <v>2.4380210707016403E-2</v>
      </c>
    </row>
    <row r="142" spans="1:12">
      <c r="A142" s="40" t="s">
        <v>558</v>
      </c>
      <c r="B142" s="107">
        <v>114</v>
      </c>
      <c r="C142" s="42">
        <v>4.8497641801684699</v>
      </c>
      <c r="D142" s="43">
        <v>0.32553907772638913</v>
      </c>
      <c r="E142" s="108">
        <v>0.20166384794432701</v>
      </c>
      <c r="F142" s="89">
        <v>7.5223388546814443E-2</v>
      </c>
      <c r="G142" s="108">
        <v>0.1993519068032574</v>
      </c>
      <c r="H142" s="89">
        <v>7.4931594723160813E-2</v>
      </c>
      <c r="I142" s="108">
        <v>0.58892746171876598</v>
      </c>
      <c r="J142" s="89">
        <v>9.0688321025887322E-2</v>
      </c>
      <c r="K142" s="88">
        <v>1.0056783533649789E-2</v>
      </c>
      <c r="L142" s="89">
        <v>2.9661368148425106E-2</v>
      </c>
    </row>
    <row r="143" spans="1:12">
      <c r="A143" s="44" t="s">
        <v>549</v>
      </c>
      <c r="B143" s="109">
        <v>63</v>
      </c>
      <c r="C143" s="46">
        <v>5.2618273323293163</v>
      </c>
      <c r="D143" s="47">
        <v>0.41461909636439331</v>
      </c>
      <c r="E143" s="110">
        <v>0.10338079399978364</v>
      </c>
      <c r="F143" s="92">
        <v>8.1374543185895071E-2</v>
      </c>
      <c r="G143" s="110">
        <v>0.18907572773514136</v>
      </c>
      <c r="H143" s="92">
        <v>9.9107864592652029E-2</v>
      </c>
      <c r="I143" s="110">
        <v>0.70656808314107022</v>
      </c>
      <c r="J143" s="92">
        <v>0.11257435573430626</v>
      </c>
      <c r="K143" s="91">
        <v>9.753951240048526E-4</v>
      </c>
      <c r="L143" s="92">
        <v>4.2194464256755194E-2</v>
      </c>
    </row>
    <row r="144" spans="1:12">
      <c r="A144" s="40" t="s">
        <v>550</v>
      </c>
      <c r="B144" s="107">
        <v>162</v>
      </c>
      <c r="C144" s="42">
        <v>4.9588160059805499</v>
      </c>
      <c r="D144" s="43">
        <v>0.25652423887199738</v>
      </c>
      <c r="E144" s="108">
        <v>0.20672455456810065</v>
      </c>
      <c r="F144" s="89">
        <v>6.3641438354112526E-2</v>
      </c>
      <c r="G144" s="108">
        <v>0.198588891609217</v>
      </c>
      <c r="H144" s="89">
        <v>6.2763054563203385E-2</v>
      </c>
      <c r="I144" s="108">
        <v>0.59468655382268198</v>
      </c>
      <c r="J144" s="89">
        <v>7.6278078013270162E-2</v>
      </c>
      <c r="K144" s="88">
        <v>0</v>
      </c>
      <c r="L144" s="89">
        <v>1.6935763699852214E-2</v>
      </c>
    </row>
    <row r="145" spans="1:12">
      <c r="A145" s="44" t="s">
        <v>551</v>
      </c>
      <c r="B145" s="109">
        <v>671</v>
      </c>
      <c r="C145" s="46">
        <v>4.9470436805049252</v>
      </c>
      <c r="D145" s="47">
        <v>0.12764084459851108</v>
      </c>
      <c r="E145" s="110">
        <v>0.17973361128757009</v>
      </c>
      <c r="F145" s="92">
        <v>2.9678922752773951E-2</v>
      </c>
      <c r="G145" s="110">
        <v>0.16514128606253675</v>
      </c>
      <c r="H145" s="92">
        <v>2.8720327704525535E-2</v>
      </c>
      <c r="I145" s="110">
        <v>0.64074687270691821</v>
      </c>
      <c r="J145" s="92">
        <v>3.6952374040345251E-2</v>
      </c>
      <c r="K145" s="91">
        <v>1.4378229942981212E-2</v>
      </c>
      <c r="L145" s="92">
        <v>1.0024627286237372E-2</v>
      </c>
    </row>
  </sheetData>
  <mergeCells count="23">
    <mergeCell ref="A121:L121"/>
    <mergeCell ref="A119:L119"/>
    <mergeCell ref="A120:L120"/>
    <mergeCell ref="AT34:BD34"/>
    <mergeCell ref="X92:AH92"/>
    <mergeCell ref="A62:AS62"/>
    <mergeCell ref="B92:L92"/>
    <mergeCell ref="AI34:AS34"/>
    <mergeCell ref="M92:W92"/>
    <mergeCell ref="B63:L63"/>
    <mergeCell ref="M63:W63"/>
    <mergeCell ref="X63:AH63"/>
    <mergeCell ref="AI63:AS63"/>
    <mergeCell ref="A91:AH91"/>
    <mergeCell ref="A90:AH90"/>
    <mergeCell ref="A3:D3"/>
    <mergeCell ref="A4:D4"/>
    <mergeCell ref="A5:D5"/>
    <mergeCell ref="M34:W34"/>
    <mergeCell ref="X34:AH34"/>
    <mergeCell ref="B34:L34"/>
    <mergeCell ref="A33:BD33"/>
    <mergeCell ref="A32:BD32"/>
  </mergeCells>
  <pageMargins left="0.7" right="0.7" top="0.75" bottom="0.75" header="0.3" footer="0.3"/>
  <pageSetup paperSize="9" orientation="portrait" r:id="rId1"/>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600-000000000000}">
  <dimension ref="A1:AS147"/>
  <sheetViews>
    <sheetView zoomScaleNormal="100" zoomScalePageLayoutView="75" workbookViewId="0"/>
  </sheetViews>
  <sheetFormatPr defaultColWidth="22.85546875" defaultRowHeight="15"/>
  <cols>
    <col min="1" max="1" width="50.140625" customWidth="1"/>
    <col min="9" max="9" width="25.5703125" customWidth="1"/>
    <col min="10" max="10" width="26.7109375" customWidth="1"/>
  </cols>
  <sheetData>
    <row r="1" spans="1:6" ht="31.5">
      <c r="A1" s="30" t="s">
        <v>41</v>
      </c>
    </row>
    <row r="3" spans="1:6" ht="18.75">
      <c r="A3" s="342" t="s">
        <v>1</v>
      </c>
      <c r="B3" s="342"/>
      <c r="C3" s="342"/>
      <c r="D3" s="342"/>
    </row>
    <row r="4" spans="1:6" ht="201" customHeight="1">
      <c r="A4" s="377" t="s">
        <v>587</v>
      </c>
      <c r="B4" s="377"/>
      <c r="C4" s="377"/>
      <c r="D4" s="377"/>
      <c r="F4" s="226"/>
    </row>
    <row r="5" spans="1:6" ht="34.5" customHeight="1">
      <c r="A5" s="353" t="s">
        <v>105</v>
      </c>
      <c r="B5" s="354"/>
      <c r="C5" s="354"/>
      <c r="D5" s="354"/>
    </row>
    <row r="6" spans="1:6" ht="43.5" customHeight="1">
      <c r="A6" s="32" t="s">
        <v>71</v>
      </c>
      <c r="B6" s="33" t="s">
        <v>72</v>
      </c>
      <c r="C6" s="34" t="s">
        <v>591</v>
      </c>
      <c r="D6" s="35" t="s">
        <v>73</v>
      </c>
    </row>
    <row r="7" spans="1:6" ht="56.25" customHeight="1">
      <c r="A7" s="36"/>
      <c r="B7" s="37" t="s">
        <v>74</v>
      </c>
      <c r="C7" s="38" t="s">
        <v>106</v>
      </c>
      <c r="D7" s="39" t="s">
        <v>76</v>
      </c>
    </row>
    <row r="8" spans="1:6">
      <c r="A8" s="40" t="s">
        <v>350</v>
      </c>
      <c r="B8" s="78">
        <v>13277</v>
      </c>
      <c r="C8" s="79">
        <v>3.677282666426394</v>
      </c>
      <c r="D8" s="80">
        <v>2.0993451205933784E-2</v>
      </c>
    </row>
    <row r="9" spans="1:6">
      <c r="A9" s="44" t="s">
        <v>351</v>
      </c>
      <c r="B9" s="114">
        <v>9829</v>
      </c>
      <c r="C9" s="115">
        <v>3.6556820477485221</v>
      </c>
      <c r="D9" s="116">
        <v>2.4262117158797572E-2</v>
      </c>
    </row>
    <row r="10" spans="1:6">
      <c r="A10" s="40" t="s">
        <v>352</v>
      </c>
      <c r="B10" s="78">
        <v>3448</v>
      </c>
      <c r="C10" s="79">
        <v>3.6954697037798288</v>
      </c>
      <c r="D10" s="80">
        <v>4.1708570481464757E-2</v>
      </c>
    </row>
    <row r="11" spans="1:6">
      <c r="A11" s="44" t="s">
        <v>555</v>
      </c>
      <c r="B11" s="114">
        <v>3442</v>
      </c>
      <c r="C11" s="115">
        <v>3.8007862121025413</v>
      </c>
      <c r="D11" s="116">
        <v>4.1846864885818451E-2</v>
      </c>
    </row>
    <row r="12" spans="1:6">
      <c r="A12" s="40" t="s">
        <v>556</v>
      </c>
      <c r="B12" s="78">
        <v>2852</v>
      </c>
      <c r="C12" s="79">
        <v>3.7524450472282749</v>
      </c>
      <c r="D12" s="80">
        <v>4.6112369210724896E-2</v>
      </c>
    </row>
    <row r="13" spans="1:6">
      <c r="A13" s="44" t="s">
        <v>536</v>
      </c>
      <c r="B13" s="114">
        <v>319</v>
      </c>
      <c r="C13" s="115">
        <v>3.9278413550063265</v>
      </c>
      <c r="D13" s="116">
        <v>0.1358837446737573</v>
      </c>
    </row>
    <row r="14" spans="1:6">
      <c r="A14" s="40" t="s">
        <v>537</v>
      </c>
      <c r="B14" s="78">
        <v>159</v>
      </c>
      <c r="C14" s="79">
        <v>4.3114599572057895</v>
      </c>
      <c r="D14" s="80">
        <v>0.15662978869241595</v>
      </c>
    </row>
    <row r="15" spans="1:6">
      <c r="A15" s="44" t="s">
        <v>538</v>
      </c>
      <c r="B15" s="114">
        <v>83</v>
      </c>
      <c r="C15" s="115">
        <v>3.3775873786571382</v>
      </c>
      <c r="D15" s="116">
        <v>0.30344438474754243</v>
      </c>
    </row>
    <row r="16" spans="1:6">
      <c r="A16" s="40" t="s">
        <v>539</v>
      </c>
      <c r="B16" s="78">
        <v>238</v>
      </c>
      <c r="C16" s="79">
        <v>3.9294387030955606</v>
      </c>
      <c r="D16" s="80">
        <v>0.16708465476488857</v>
      </c>
    </row>
    <row r="17" spans="1:17">
      <c r="A17" s="44" t="s">
        <v>540</v>
      </c>
      <c r="B17" s="114">
        <v>80</v>
      </c>
      <c r="C17" s="115">
        <v>4.3095893882662599</v>
      </c>
      <c r="D17" s="116">
        <v>0.30401589105111509</v>
      </c>
    </row>
    <row r="18" spans="1:17">
      <c r="A18" s="40" t="s">
        <v>541</v>
      </c>
      <c r="B18" s="111">
        <v>87</v>
      </c>
      <c r="C18" s="112">
        <v>3.6098405591055345</v>
      </c>
      <c r="D18" s="113">
        <v>0.26735044412599129</v>
      </c>
    </row>
    <row r="19" spans="1:17">
      <c r="A19" s="44" t="s">
        <v>542</v>
      </c>
      <c r="B19" s="114">
        <v>71</v>
      </c>
      <c r="C19" s="115">
        <v>3.8712553063196173</v>
      </c>
      <c r="D19" s="116">
        <v>0.28666730883628072</v>
      </c>
    </row>
    <row r="20" spans="1:17">
      <c r="A20" s="40" t="s">
        <v>543</v>
      </c>
      <c r="B20" s="78">
        <v>455</v>
      </c>
      <c r="C20" s="79">
        <v>3.7881585605558681</v>
      </c>
      <c r="D20" s="80">
        <v>0.11612408329086056</v>
      </c>
    </row>
    <row r="21" spans="1:17">
      <c r="A21" s="44" t="s">
        <v>616</v>
      </c>
      <c r="B21" s="114">
        <v>237</v>
      </c>
      <c r="C21" s="115">
        <v>3.616999794385396</v>
      </c>
      <c r="D21" s="116">
        <v>0.16687159895136308</v>
      </c>
    </row>
    <row r="22" spans="1:17">
      <c r="A22" s="52" t="s">
        <v>544</v>
      </c>
      <c r="B22" s="111">
        <v>218</v>
      </c>
      <c r="C22" s="112">
        <v>3.9447708867470173</v>
      </c>
      <c r="D22" s="113">
        <v>0.16003459344679705</v>
      </c>
    </row>
    <row r="23" spans="1:17">
      <c r="A23" s="44" t="s">
        <v>545</v>
      </c>
      <c r="B23" s="114">
        <v>110</v>
      </c>
      <c r="C23" s="115">
        <v>3.5277831243622013</v>
      </c>
      <c r="D23" s="116">
        <v>0.23968061695204851</v>
      </c>
    </row>
    <row r="24" spans="1:17">
      <c r="A24" s="52" t="s">
        <v>546</v>
      </c>
      <c r="B24" s="111">
        <v>280</v>
      </c>
      <c r="C24" s="112">
        <v>3.7058530962581107</v>
      </c>
      <c r="D24" s="113">
        <v>0.14621904919758766</v>
      </c>
    </row>
    <row r="25" spans="1:17">
      <c r="A25" s="44" t="s">
        <v>557</v>
      </c>
      <c r="B25" s="114">
        <v>110</v>
      </c>
      <c r="C25" s="115">
        <v>3.536640752764427</v>
      </c>
      <c r="D25" s="116">
        <v>0.21825097488809012</v>
      </c>
    </row>
    <row r="26" spans="1:17">
      <c r="A26" s="52" t="s">
        <v>558</v>
      </c>
      <c r="B26" s="111">
        <v>108</v>
      </c>
      <c r="C26" s="112">
        <v>4.0621861149158169</v>
      </c>
      <c r="D26" s="113">
        <v>0.24273522893694616</v>
      </c>
    </row>
    <row r="27" spans="1:17">
      <c r="A27" s="44" t="s">
        <v>549</v>
      </c>
      <c r="B27" s="114">
        <v>62</v>
      </c>
      <c r="C27" s="115">
        <v>3.4468956554301813</v>
      </c>
      <c r="D27" s="116">
        <v>0.32167457961221052</v>
      </c>
    </row>
    <row r="28" spans="1:17">
      <c r="A28" s="52" t="s">
        <v>550</v>
      </c>
      <c r="B28" s="111">
        <v>151</v>
      </c>
      <c r="C28" s="112">
        <v>3.513179619717933</v>
      </c>
      <c r="D28" s="113">
        <v>0.20225149861859226</v>
      </c>
    </row>
    <row r="29" spans="1:17">
      <c r="A29" s="44" t="s">
        <v>551</v>
      </c>
      <c r="B29" s="114">
        <v>613</v>
      </c>
      <c r="C29" s="115">
        <v>3.8531796632508062</v>
      </c>
      <c r="D29" s="116">
        <v>9.8495058061596447E-2</v>
      </c>
    </row>
    <row r="32" spans="1:17" ht="18.75">
      <c r="A32" s="342" t="s">
        <v>34</v>
      </c>
      <c r="B32" s="342"/>
      <c r="C32" s="342"/>
      <c r="D32" s="342"/>
      <c r="E32" s="342"/>
      <c r="F32" s="342"/>
      <c r="G32" s="342"/>
      <c r="H32" s="342"/>
      <c r="I32" s="342"/>
      <c r="J32" s="342"/>
      <c r="K32" s="342"/>
      <c r="L32" s="342"/>
      <c r="M32" s="342"/>
      <c r="N32" s="342"/>
      <c r="O32" s="342"/>
      <c r="P32" s="342"/>
      <c r="Q32" s="342"/>
    </row>
    <row r="33" spans="1:45" ht="58.5" customHeight="1">
      <c r="A33" s="378" t="s">
        <v>588</v>
      </c>
      <c r="B33" s="378"/>
      <c r="C33" s="378"/>
      <c r="D33" s="378"/>
      <c r="E33" s="378"/>
      <c r="F33" s="378"/>
      <c r="G33" s="378"/>
      <c r="H33" s="378"/>
      <c r="I33" s="378"/>
      <c r="J33" s="378"/>
      <c r="K33" s="378"/>
      <c r="L33" s="378"/>
      <c r="M33" s="378"/>
      <c r="N33" s="378"/>
      <c r="O33" s="378"/>
      <c r="P33" s="378"/>
      <c r="Q33" s="378"/>
    </row>
    <row r="34" spans="1:45" ht="39" customHeight="1">
      <c r="A34" s="104"/>
      <c r="B34" s="386" t="s">
        <v>107</v>
      </c>
      <c r="C34" s="373"/>
      <c r="D34" s="373"/>
      <c r="E34" s="373"/>
      <c r="F34" s="373"/>
      <c r="G34" s="373"/>
      <c r="H34" s="374"/>
      <c r="I34" s="369" t="s">
        <v>274</v>
      </c>
      <c r="J34" s="384"/>
      <c r="K34" s="384"/>
      <c r="L34" s="384"/>
      <c r="M34" s="384"/>
      <c r="N34" s="384"/>
      <c r="O34" s="384"/>
      <c r="P34" s="384"/>
      <c r="Q34" s="384"/>
      <c r="R34" s="289"/>
      <c r="S34" s="289"/>
      <c r="T34" s="289"/>
      <c r="U34" s="289"/>
      <c r="V34" s="289"/>
      <c r="W34" s="289"/>
      <c r="X34" s="289"/>
      <c r="Y34" s="289"/>
      <c r="Z34" s="289"/>
      <c r="AA34" s="289"/>
      <c r="AB34" s="289"/>
      <c r="AC34" s="289"/>
      <c r="AD34" s="289"/>
      <c r="AE34" s="289"/>
      <c r="AF34" s="289"/>
      <c r="AG34" s="289"/>
      <c r="AH34" s="289"/>
      <c r="AI34" s="289"/>
      <c r="AJ34" s="289"/>
      <c r="AK34" s="289"/>
      <c r="AL34" s="289"/>
      <c r="AM34" s="289"/>
      <c r="AN34" s="289"/>
      <c r="AO34" s="289"/>
      <c r="AP34" s="289"/>
      <c r="AQ34" s="289"/>
      <c r="AR34" s="289"/>
      <c r="AS34" s="289"/>
    </row>
    <row r="35" spans="1:45" ht="39.75" customHeight="1">
      <c r="A35" s="32" t="s">
        <v>71</v>
      </c>
      <c r="B35" s="33" t="s">
        <v>72</v>
      </c>
      <c r="C35" s="33" t="s">
        <v>174</v>
      </c>
      <c r="D35" s="84" t="s">
        <v>108</v>
      </c>
      <c r="E35" s="33" t="s">
        <v>187</v>
      </c>
      <c r="F35" s="84" t="s">
        <v>532</v>
      </c>
      <c r="G35" s="33" t="s">
        <v>189</v>
      </c>
      <c r="H35" s="84" t="s">
        <v>533</v>
      </c>
      <c r="I35" s="60" t="s">
        <v>72</v>
      </c>
      <c r="J35" s="60" t="s">
        <v>175</v>
      </c>
      <c r="K35" s="83" t="s">
        <v>109</v>
      </c>
      <c r="L35" s="60" t="s">
        <v>176</v>
      </c>
      <c r="M35" s="83" t="s">
        <v>110</v>
      </c>
      <c r="N35" s="60" t="s">
        <v>177</v>
      </c>
      <c r="O35" s="83" t="s">
        <v>111</v>
      </c>
      <c r="P35" s="60" t="s">
        <v>455</v>
      </c>
      <c r="Q35" s="83" t="s">
        <v>112</v>
      </c>
    </row>
    <row r="36" spans="1:45" ht="63" customHeight="1">
      <c r="A36" s="36"/>
      <c r="B36" s="37" t="s">
        <v>74</v>
      </c>
      <c r="C36" s="37" t="s">
        <v>186</v>
      </c>
      <c r="D36" s="86" t="s">
        <v>88</v>
      </c>
      <c r="E36" s="37" t="s">
        <v>188</v>
      </c>
      <c r="F36" s="86" t="s">
        <v>88</v>
      </c>
      <c r="G36" s="37" t="s">
        <v>190</v>
      </c>
      <c r="H36" s="86" t="s">
        <v>88</v>
      </c>
      <c r="I36" s="63" t="s">
        <v>74</v>
      </c>
      <c r="J36" s="63" t="s">
        <v>275</v>
      </c>
      <c r="K36" s="85" t="s">
        <v>88</v>
      </c>
      <c r="L36" s="63" t="s">
        <v>276</v>
      </c>
      <c r="M36" s="85" t="s">
        <v>88</v>
      </c>
      <c r="N36" s="63" t="s">
        <v>277</v>
      </c>
      <c r="O36" s="85" t="s">
        <v>88</v>
      </c>
      <c r="P36" s="63" t="s">
        <v>456</v>
      </c>
      <c r="Q36" s="85" t="s">
        <v>88</v>
      </c>
    </row>
    <row r="37" spans="1:45">
      <c r="A37" s="40" t="s">
        <v>350</v>
      </c>
      <c r="B37" s="117">
        <v>12826</v>
      </c>
      <c r="C37" s="118">
        <v>0.39013594225533765</v>
      </c>
      <c r="D37" s="89">
        <v>8.6128728508205275E-3</v>
      </c>
      <c r="E37" s="118">
        <v>0.39765529260872923</v>
      </c>
      <c r="F37" s="89">
        <v>8.6416867646339837E-3</v>
      </c>
      <c r="G37" s="118">
        <v>0.21220876513595732</v>
      </c>
      <c r="H37" s="89">
        <v>7.2205612906470363E-3</v>
      </c>
      <c r="I37" s="119">
        <v>13248</v>
      </c>
      <c r="J37" s="118">
        <v>8.6136148489609266E-2</v>
      </c>
      <c r="K37" s="89">
        <v>4.8776177899403084E-3</v>
      </c>
      <c r="L37" s="118">
        <v>0.36389344524439077</v>
      </c>
      <c r="M37" s="89">
        <v>8.358951838977384E-3</v>
      </c>
      <c r="N37" s="118">
        <v>0.41575309974401586</v>
      </c>
      <c r="O37" s="89">
        <v>8.5626672652034455E-3</v>
      </c>
      <c r="P37" s="118">
        <v>0.13421730652200231</v>
      </c>
      <c r="Q37" s="89">
        <v>5.9244610991499537E-3</v>
      </c>
    </row>
    <row r="38" spans="1:45">
      <c r="A38" s="44" t="s">
        <v>351</v>
      </c>
      <c r="B38" s="44">
        <v>9430</v>
      </c>
      <c r="C38" s="121">
        <v>0.4043696540164739</v>
      </c>
      <c r="D38" s="92">
        <v>1.0105707783584226E-2</v>
      </c>
      <c r="E38" s="121">
        <v>0.40056797631620755</v>
      </c>
      <c r="F38" s="92">
        <v>1.0090152347239631E-2</v>
      </c>
      <c r="G38" s="121">
        <v>0.19506236966732188</v>
      </c>
      <c r="H38" s="92">
        <v>8.161292155039029E-3</v>
      </c>
      <c r="I38" s="44">
        <v>9814</v>
      </c>
      <c r="J38" s="121">
        <v>9.1078975540440338E-2</v>
      </c>
      <c r="K38" s="92">
        <v>5.8122951467587669E-3</v>
      </c>
      <c r="L38" s="121">
        <v>0.35863998213530723</v>
      </c>
      <c r="M38" s="92">
        <v>9.6808645333178039E-3</v>
      </c>
      <c r="N38" s="121">
        <v>0.41783543704047538</v>
      </c>
      <c r="O38" s="92">
        <v>9.9551752429515861E-3</v>
      </c>
      <c r="P38" s="121">
        <v>0.13244560528377944</v>
      </c>
      <c r="Q38" s="92">
        <v>6.8453160618524248E-3</v>
      </c>
    </row>
    <row r="39" spans="1:45">
      <c r="A39" s="40" t="s">
        <v>352</v>
      </c>
      <c r="B39" s="48">
        <v>3396</v>
      </c>
      <c r="C39" s="118">
        <v>0.37826662069572459</v>
      </c>
      <c r="D39" s="89">
        <v>1.6635038574700226E-2</v>
      </c>
      <c r="E39" s="118">
        <v>0.39522644059136169</v>
      </c>
      <c r="F39" s="89">
        <v>1.6770012293092443E-2</v>
      </c>
      <c r="G39" s="118">
        <v>0.226506938712913</v>
      </c>
      <c r="H39" s="89">
        <v>1.4364066205567778E-2</v>
      </c>
      <c r="I39" s="48">
        <v>3434</v>
      </c>
      <c r="J39" s="118">
        <v>8.1964834065367226E-2</v>
      </c>
      <c r="K39" s="89">
        <v>9.3818858774779128E-3</v>
      </c>
      <c r="L39" s="118">
        <v>0.36832690937710238</v>
      </c>
      <c r="M39" s="89">
        <v>1.6454231396449841E-2</v>
      </c>
      <c r="N39" s="118">
        <v>0.41399578889506777</v>
      </c>
      <c r="O39" s="89">
        <v>1.6801218734391991E-2</v>
      </c>
      <c r="P39" s="118">
        <v>0.13571246766246228</v>
      </c>
      <c r="Q39" s="89">
        <v>1.1697327494316968E-2</v>
      </c>
    </row>
    <row r="40" spans="1:45">
      <c r="A40" s="44" t="s">
        <v>555</v>
      </c>
      <c r="B40" s="44">
        <v>3332</v>
      </c>
      <c r="C40" s="121">
        <v>0.36224450301154631</v>
      </c>
      <c r="D40" s="92">
        <v>1.664515049336629E-2</v>
      </c>
      <c r="E40" s="121">
        <v>0.38291829319098192</v>
      </c>
      <c r="F40" s="92">
        <v>1.6833388919817085E-2</v>
      </c>
      <c r="G40" s="121">
        <v>0.25483720379748542</v>
      </c>
      <c r="H40" s="92">
        <v>1.5095191682410585E-2</v>
      </c>
      <c r="I40" s="44">
        <v>3437</v>
      </c>
      <c r="J40" s="121">
        <v>7.1402837411966097E-2</v>
      </c>
      <c r="K40" s="92">
        <v>8.8074958660808202E-3</v>
      </c>
      <c r="L40" s="121">
        <v>0.34675368187350009</v>
      </c>
      <c r="M40" s="92">
        <v>1.622889646003883E-2</v>
      </c>
      <c r="N40" s="121">
        <v>0.42827530872909852</v>
      </c>
      <c r="O40" s="92">
        <v>1.6871482761610348E-2</v>
      </c>
      <c r="P40" s="121">
        <v>0.15356817198544934</v>
      </c>
      <c r="Q40" s="92">
        <v>1.2305509899165857E-2</v>
      </c>
    </row>
    <row r="41" spans="1:45">
      <c r="A41" s="40" t="s">
        <v>556</v>
      </c>
      <c r="B41" s="48">
        <v>2754</v>
      </c>
      <c r="C41" s="118">
        <v>0.3907221677062005</v>
      </c>
      <c r="D41" s="89">
        <v>1.8582585936632558E-2</v>
      </c>
      <c r="E41" s="118">
        <v>0.37906042503230636</v>
      </c>
      <c r="F41" s="89">
        <v>1.847782570465353E-2</v>
      </c>
      <c r="G41" s="118">
        <v>0.23021740726148832</v>
      </c>
      <c r="H41" s="89">
        <v>1.6041476187931177E-2</v>
      </c>
      <c r="I41" s="48">
        <v>2850</v>
      </c>
      <c r="J41" s="118">
        <v>7.8740533051838368E-2</v>
      </c>
      <c r="K41" s="89">
        <v>1.0117567257505527E-2</v>
      </c>
      <c r="L41" s="118">
        <v>0.3539652284687827</v>
      </c>
      <c r="M41" s="89">
        <v>1.790473829077904E-2</v>
      </c>
      <c r="N41" s="118">
        <v>0.40876493648624374</v>
      </c>
      <c r="O41" s="89">
        <v>1.840521388164262E-2</v>
      </c>
      <c r="P41" s="118">
        <v>0.15852930199313087</v>
      </c>
      <c r="Q41" s="89">
        <v>1.3690153145181898E-2</v>
      </c>
    </row>
    <row r="42" spans="1:45">
      <c r="A42" s="44" t="s">
        <v>536</v>
      </c>
      <c r="B42" s="44">
        <v>305</v>
      </c>
      <c r="C42" s="121">
        <v>0.3385131208078298</v>
      </c>
      <c r="D42" s="92">
        <v>5.3919846635690154E-2</v>
      </c>
      <c r="E42" s="121">
        <v>0.41949530815812408</v>
      </c>
      <c r="F42" s="92">
        <v>5.6165002125212353E-2</v>
      </c>
      <c r="G42" s="121">
        <v>0.24199157103404778</v>
      </c>
      <c r="H42" s="92">
        <v>4.8955953780128521E-2</v>
      </c>
      <c r="I42" s="44">
        <v>319</v>
      </c>
      <c r="J42" s="121">
        <v>7.8720460424550207E-2</v>
      </c>
      <c r="K42" s="92">
        <v>3.085811595794755E-2</v>
      </c>
      <c r="L42" s="121">
        <v>0.27316852174139589</v>
      </c>
      <c r="M42" s="92">
        <v>4.9744107477453559E-2</v>
      </c>
      <c r="N42" s="121">
        <v>0.44611091390465146</v>
      </c>
      <c r="O42" s="92">
        <v>5.5325375583397424E-2</v>
      </c>
      <c r="P42" s="121">
        <v>0.20200010392940412</v>
      </c>
      <c r="Q42" s="92">
        <v>4.498116857064785E-2</v>
      </c>
    </row>
    <row r="43" spans="1:45">
      <c r="A43" s="40" t="s">
        <v>537</v>
      </c>
      <c r="B43" s="48">
        <v>153</v>
      </c>
      <c r="C43" s="118">
        <v>0.19364501731133477</v>
      </c>
      <c r="D43" s="89">
        <v>6.4019909459888308E-2</v>
      </c>
      <c r="E43" s="118">
        <v>0.48516608529574745</v>
      </c>
      <c r="F43" s="89">
        <v>7.9775325372164391E-2</v>
      </c>
      <c r="G43" s="118">
        <v>0.32118889739291695</v>
      </c>
      <c r="H43" s="89">
        <v>7.4805063620883752E-2</v>
      </c>
      <c r="I43" s="48">
        <v>159</v>
      </c>
      <c r="J43" s="118">
        <v>2.1785148639212135E-2</v>
      </c>
      <c r="K43" s="89">
        <v>2.8196009670084642E-2</v>
      </c>
      <c r="L43" s="118">
        <v>0.23584692195906526</v>
      </c>
      <c r="M43" s="89">
        <v>6.7124234597011972E-2</v>
      </c>
      <c r="N43" s="118">
        <v>0.5128634079314639</v>
      </c>
      <c r="O43" s="89">
        <v>7.8301376898121333E-2</v>
      </c>
      <c r="P43" s="118">
        <v>0.22950452147025785</v>
      </c>
      <c r="Q43" s="89">
        <v>6.6531821233934918E-2</v>
      </c>
    </row>
    <row r="44" spans="1:45">
      <c r="A44" s="44" t="s">
        <v>538</v>
      </c>
      <c r="B44" s="44">
        <v>78</v>
      </c>
      <c r="C44" s="121">
        <v>0.50443981659089976</v>
      </c>
      <c r="D44" s="92">
        <v>0.11042758674473468</v>
      </c>
      <c r="E44" s="121">
        <v>0.39181995828669308</v>
      </c>
      <c r="F44" s="92">
        <v>0.10806749911545206</v>
      </c>
      <c r="G44" s="121">
        <v>0.10374022512240724</v>
      </c>
      <c r="H44" s="92">
        <v>7.2557379367494582E-2</v>
      </c>
      <c r="I44" s="44">
        <v>83</v>
      </c>
      <c r="J44" s="121">
        <v>0.22221734798225057</v>
      </c>
      <c r="K44" s="92">
        <v>9.0913411093359639E-2</v>
      </c>
      <c r="L44" s="121">
        <v>0.26647183605380048</v>
      </c>
      <c r="M44" s="92">
        <v>9.5979898464121458E-2</v>
      </c>
      <c r="N44" s="121">
        <v>0.37134794516686503</v>
      </c>
      <c r="O44" s="92">
        <v>0.10393092853404085</v>
      </c>
      <c r="P44" s="121">
        <v>0.13996287079708361</v>
      </c>
      <c r="Q44" s="92">
        <v>7.7909157009879659E-2</v>
      </c>
    </row>
    <row r="45" spans="1:45">
      <c r="A45" s="40" t="s">
        <v>539</v>
      </c>
      <c r="B45" s="48">
        <v>231</v>
      </c>
      <c r="C45" s="118">
        <v>0.40405272787255397</v>
      </c>
      <c r="D45" s="89">
        <v>6.4061784729462126E-2</v>
      </c>
      <c r="E45" s="118">
        <v>0.33130703735807876</v>
      </c>
      <c r="F45" s="89">
        <v>6.1540949767371816E-2</v>
      </c>
      <c r="G45" s="118">
        <v>0.26464023476936538</v>
      </c>
      <c r="H45" s="89">
        <v>5.7829609221401582E-2</v>
      </c>
      <c r="I45" s="48">
        <v>238</v>
      </c>
      <c r="J45" s="118">
        <v>6.237990934076218E-2</v>
      </c>
      <c r="K45" s="89">
        <v>3.2719011036473955E-2</v>
      </c>
      <c r="L45" s="118">
        <v>0.28008967768816384</v>
      </c>
      <c r="M45" s="89">
        <v>5.7957655337782292E-2</v>
      </c>
      <c r="N45" s="118">
        <v>0.46168128553151283</v>
      </c>
      <c r="O45" s="89">
        <v>6.4099588657908893E-2</v>
      </c>
      <c r="P45" s="118">
        <v>0.19584912743955912</v>
      </c>
      <c r="Q45" s="89">
        <v>5.1510262261022483E-2</v>
      </c>
    </row>
    <row r="46" spans="1:45">
      <c r="A46" s="44" t="s">
        <v>540</v>
      </c>
      <c r="B46" s="44">
        <v>79</v>
      </c>
      <c r="C46" s="121">
        <v>0.28542531263443693</v>
      </c>
      <c r="D46" s="92">
        <v>0.10018983908919583</v>
      </c>
      <c r="E46" s="121">
        <v>0.29423513754226061</v>
      </c>
      <c r="F46" s="92">
        <v>0.10099346787739406</v>
      </c>
      <c r="G46" s="121">
        <v>0.42033954982330229</v>
      </c>
      <c r="H46" s="92">
        <v>0.1084948761133364</v>
      </c>
      <c r="I46" s="44">
        <v>80</v>
      </c>
      <c r="J46" s="121">
        <v>5.7625678718529375E-2</v>
      </c>
      <c r="K46" s="92">
        <v>5.8756490954392872E-2</v>
      </c>
      <c r="L46" s="121">
        <v>0.24502901708115016</v>
      </c>
      <c r="M46" s="92">
        <v>9.5377403300438757E-2</v>
      </c>
      <c r="N46" s="121">
        <v>0.43437869720146699</v>
      </c>
      <c r="O46" s="92">
        <v>0.10825327227664569</v>
      </c>
      <c r="P46" s="121">
        <v>0.26296660699885366</v>
      </c>
      <c r="Q46" s="92">
        <v>9.7355192464111437E-2</v>
      </c>
    </row>
    <row r="47" spans="1:45">
      <c r="A47" s="40" t="s">
        <v>541</v>
      </c>
      <c r="B47" s="117">
        <v>82</v>
      </c>
      <c r="C47" s="118">
        <v>0.55303231568999034</v>
      </c>
      <c r="D47" s="89">
        <v>0.10727992299046801</v>
      </c>
      <c r="E47" s="118">
        <v>0.30563420773476196</v>
      </c>
      <c r="F47" s="89">
        <v>0.10015208216381556</v>
      </c>
      <c r="G47" s="118">
        <v>0.14133347657524792</v>
      </c>
      <c r="H47" s="89">
        <v>7.8665230588726626E-2</v>
      </c>
      <c r="I47" s="119">
        <v>87</v>
      </c>
      <c r="J47" s="118">
        <v>6.266041734421636E-2</v>
      </c>
      <c r="K47" s="89">
        <v>5.7485449149952447E-2</v>
      </c>
      <c r="L47" s="118">
        <v>0.30591358562893817</v>
      </c>
      <c r="M47" s="89">
        <v>9.7342555606749162E-2</v>
      </c>
      <c r="N47" s="118">
        <v>0.4337617473727024</v>
      </c>
      <c r="O47" s="89">
        <v>0.10398430385842983</v>
      </c>
      <c r="P47" s="118">
        <v>0.19766424965414336</v>
      </c>
      <c r="Q47" s="89">
        <v>8.5537025115030085E-2</v>
      </c>
    </row>
    <row r="48" spans="1:45">
      <c r="A48" s="44" t="s">
        <v>542</v>
      </c>
      <c r="B48" s="120">
        <v>70</v>
      </c>
      <c r="C48" s="121">
        <v>0.37843550979834611</v>
      </c>
      <c r="D48" s="92">
        <v>0.11313147327064603</v>
      </c>
      <c r="E48" s="121">
        <v>0.39329452623332067</v>
      </c>
      <c r="F48" s="92">
        <v>0.11385424509241339</v>
      </c>
      <c r="G48" s="121">
        <v>0.22826996396833277</v>
      </c>
      <c r="H48" s="92">
        <v>9.9710241901383376E-2</v>
      </c>
      <c r="I48" s="122">
        <v>71</v>
      </c>
      <c r="J48" s="121">
        <v>6.6855884968073986E-2</v>
      </c>
      <c r="K48" s="92">
        <v>6.6076585779696967E-2</v>
      </c>
      <c r="L48" s="121">
        <v>0.28913925805384122</v>
      </c>
      <c r="M48" s="92">
        <v>0.10586882886915155</v>
      </c>
      <c r="N48" s="121">
        <v>0.51716968098629224</v>
      </c>
      <c r="O48" s="92">
        <v>0.11540902532762405</v>
      </c>
      <c r="P48" s="121">
        <v>0.12683517599179212</v>
      </c>
      <c r="Q48" s="92">
        <v>8.1716735045085698E-2</v>
      </c>
    </row>
    <row r="49" spans="1:17">
      <c r="A49" s="40" t="s">
        <v>543</v>
      </c>
      <c r="B49" s="78">
        <v>439</v>
      </c>
      <c r="C49" s="93">
        <v>0.34028304815481702</v>
      </c>
      <c r="D49" s="89">
        <v>4.5068203521987191E-2</v>
      </c>
      <c r="E49" s="93">
        <v>0.40692078655109598</v>
      </c>
      <c r="F49" s="89">
        <v>4.6695982249715197E-2</v>
      </c>
      <c r="G49" s="93">
        <v>0.25279616529408827</v>
      </c>
      <c r="H49" s="89">
        <v>4.1418291692879611E-2</v>
      </c>
      <c r="I49" s="78">
        <v>455</v>
      </c>
      <c r="J49" s="93">
        <v>8.6128853682837944E-2</v>
      </c>
      <c r="K49" s="89">
        <v>2.6680241754960136E-2</v>
      </c>
      <c r="L49" s="93">
        <v>0.38128045587890336</v>
      </c>
      <c r="M49" s="89">
        <v>4.5364680845179937E-2</v>
      </c>
      <c r="N49" s="93">
        <v>0.39016441108958538</v>
      </c>
      <c r="O49" s="89">
        <v>4.5555921298497407E-2</v>
      </c>
      <c r="P49" s="93">
        <v>0.14242627934867441</v>
      </c>
      <c r="Q49" s="89">
        <v>3.2920290987064053E-2</v>
      </c>
    </row>
    <row r="50" spans="1:17">
      <c r="A50" s="44" t="s">
        <v>616</v>
      </c>
      <c r="B50" s="120">
        <v>228</v>
      </c>
      <c r="C50" s="121">
        <v>0.43113896810500923</v>
      </c>
      <c r="D50" s="92">
        <v>6.5049087629803021E-2</v>
      </c>
      <c r="E50" s="121">
        <v>0.36581991645229733</v>
      </c>
      <c r="F50" s="92">
        <v>6.3328806824598641E-2</v>
      </c>
      <c r="G50" s="121">
        <v>0.20304111544269124</v>
      </c>
      <c r="H50" s="92">
        <v>5.3309450258032062E-2</v>
      </c>
      <c r="I50" s="122">
        <v>237</v>
      </c>
      <c r="J50" s="121">
        <v>0.11244167698870103</v>
      </c>
      <c r="K50" s="92">
        <v>4.1695021850598951E-2</v>
      </c>
      <c r="L50" s="121">
        <v>0.37848874361816542</v>
      </c>
      <c r="M50" s="92">
        <v>6.2549044146722285E-2</v>
      </c>
      <c r="N50" s="121">
        <v>0.36508053393100004</v>
      </c>
      <c r="O50" s="92">
        <v>6.2106317725379175E-2</v>
      </c>
      <c r="P50" s="121">
        <v>0.14398904546213095</v>
      </c>
      <c r="Q50" s="92">
        <v>4.5989092747125405E-2</v>
      </c>
    </row>
    <row r="51" spans="1:17">
      <c r="A51" s="52" t="s">
        <v>544</v>
      </c>
      <c r="B51" s="117">
        <v>211</v>
      </c>
      <c r="C51" s="118">
        <v>0.25756290393872744</v>
      </c>
      <c r="D51" s="89">
        <v>5.9983085167839643E-2</v>
      </c>
      <c r="E51" s="118">
        <v>0.44434124196933267</v>
      </c>
      <c r="F51" s="89">
        <v>6.779123919096354E-2</v>
      </c>
      <c r="G51" s="118">
        <v>0.29809585409193851</v>
      </c>
      <c r="H51" s="89">
        <v>6.2615467802233676E-2</v>
      </c>
      <c r="I51" s="119">
        <v>218</v>
      </c>
      <c r="J51" s="118">
        <v>6.2052304413467818E-2</v>
      </c>
      <c r="K51" s="89">
        <v>3.4235852636674287E-2</v>
      </c>
      <c r="L51" s="118">
        <v>0.38383490611824828</v>
      </c>
      <c r="M51" s="89">
        <v>6.5345591629582672E-2</v>
      </c>
      <c r="N51" s="118">
        <v>0.41311645987793627</v>
      </c>
      <c r="O51" s="89">
        <v>6.6131295391351347E-2</v>
      </c>
      <c r="P51" s="118">
        <v>0.14099632959034614</v>
      </c>
      <c r="Q51" s="89">
        <v>4.7594188838452803E-2</v>
      </c>
    </row>
    <row r="52" spans="1:17">
      <c r="A52" s="44" t="s">
        <v>545</v>
      </c>
      <c r="B52" s="120">
        <v>107</v>
      </c>
      <c r="C52" s="121">
        <v>0.52204073756078362</v>
      </c>
      <c r="D52" s="92">
        <v>9.4830068448836555E-2</v>
      </c>
      <c r="E52" s="121">
        <v>0.35441707416902163</v>
      </c>
      <c r="F52" s="92">
        <v>9.1100501327030792E-2</v>
      </c>
      <c r="G52" s="121">
        <v>0.12354218827019445</v>
      </c>
      <c r="H52" s="92">
        <v>6.5294776438541938E-2</v>
      </c>
      <c r="I52" s="122">
        <v>110</v>
      </c>
      <c r="J52" s="121">
        <v>7.5381471530727218E-2</v>
      </c>
      <c r="K52" s="92">
        <v>5.3681916505882256E-2</v>
      </c>
      <c r="L52" s="121">
        <v>0.44215161920922019</v>
      </c>
      <c r="M52" s="92">
        <v>9.3073123947404413E-2</v>
      </c>
      <c r="N52" s="121">
        <v>0.32688669916546109</v>
      </c>
      <c r="O52" s="92">
        <v>8.8277457811095916E-2</v>
      </c>
      <c r="P52" s="121">
        <v>0.15558021009459105</v>
      </c>
      <c r="Q52" s="92">
        <v>6.9975816427646817E-2</v>
      </c>
    </row>
    <row r="53" spans="1:17">
      <c r="A53" s="52" t="s">
        <v>546</v>
      </c>
      <c r="B53" s="117">
        <v>267</v>
      </c>
      <c r="C53" s="118">
        <v>0.370002305052203</v>
      </c>
      <c r="D53" s="89">
        <v>5.8718892886609413E-2</v>
      </c>
      <c r="E53" s="118">
        <v>0.39238090479838855</v>
      </c>
      <c r="F53" s="89">
        <v>5.9364097305196949E-2</v>
      </c>
      <c r="G53" s="118">
        <v>0.23761679014941173</v>
      </c>
      <c r="H53" s="89">
        <v>5.1996647025785131E-2</v>
      </c>
      <c r="I53" s="119">
        <v>280</v>
      </c>
      <c r="J53" s="118">
        <v>6.4832247417873246E-2</v>
      </c>
      <c r="K53" s="89">
        <v>3.0471842131031115E-2</v>
      </c>
      <c r="L53" s="118">
        <v>0.40773870494911796</v>
      </c>
      <c r="M53" s="89">
        <v>5.834887107167494E-2</v>
      </c>
      <c r="N53" s="118">
        <v>0.40325829250703471</v>
      </c>
      <c r="O53" s="89">
        <v>5.8249441523338934E-2</v>
      </c>
      <c r="P53" s="118">
        <v>0.12417075512597728</v>
      </c>
      <c r="Q53" s="89">
        <v>3.9841793678350709E-2</v>
      </c>
    </row>
    <row r="54" spans="1:17">
      <c r="A54" s="44" t="s">
        <v>557</v>
      </c>
      <c r="B54" s="120">
        <v>103</v>
      </c>
      <c r="C54" s="121">
        <v>0.43389355629552334</v>
      </c>
      <c r="D54" s="92">
        <v>9.5887505063548803E-2</v>
      </c>
      <c r="E54" s="121">
        <v>0.39961609092623263</v>
      </c>
      <c r="F54" s="92">
        <v>9.4851069397814625E-2</v>
      </c>
      <c r="G54" s="121">
        <v>0.16649035277824434</v>
      </c>
      <c r="H54" s="92">
        <v>7.4113334845960693E-2</v>
      </c>
      <c r="I54" s="122">
        <v>110</v>
      </c>
      <c r="J54" s="121">
        <v>6.0386207644136665E-2</v>
      </c>
      <c r="K54" s="92">
        <v>4.9582080418213791E-2</v>
      </c>
      <c r="L54" s="121">
        <v>0.47110734955156175</v>
      </c>
      <c r="M54" s="92">
        <v>9.3512879012968897E-2</v>
      </c>
      <c r="N54" s="121">
        <v>0.35379598007523</v>
      </c>
      <c r="O54" s="92">
        <v>8.985331344378801E-2</v>
      </c>
      <c r="P54" s="121">
        <v>0.11471046272907216</v>
      </c>
      <c r="Q54" s="92">
        <v>6.2628567107521321E-2</v>
      </c>
    </row>
    <row r="55" spans="1:17">
      <c r="A55" s="52" t="s">
        <v>558</v>
      </c>
      <c r="B55" s="117">
        <v>104</v>
      </c>
      <c r="C55" s="118">
        <v>0.28103513465664265</v>
      </c>
      <c r="D55" s="89">
        <v>8.7250203345495422E-2</v>
      </c>
      <c r="E55" s="118">
        <v>0.37216473800880989</v>
      </c>
      <c r="F55" s="89">
        <v>9.326311578920099E-2</v>
      </c>
      <c r="G55" s="118">
        <v>0.34680012733454801</v>
      </c>
      <c r="H55" s="89">
        <v>9.1941232711642937E-2</v>
      </c>
      <c r="I55" s="119">
        <v>108</v>
      </c>
      <c r="J55" s="118">
        <v>6.1663840124432351E-2</v>
      </c>
      <c r="K55" s="89">
        <v>5.0476487152458761E-2</v>
      </c>
      <c r="L55" s="118">
        <v>0.27923931519359657</v>
      </c>
      <c r="M55" s="89">
        <v>8.5499300148006066E-2</v>
      </c>
      <c r="N55" s="118">
        <v>0.49497085786685147</v>
      </c>
      <c r="O55" s="89">
        <v>9.4486673674804567E-2</v>
      </c>
      <c r="P55" s="118">
        <v>0.16412598681512008</v>
      </c>
      <c r="Q55" s="89">
        <v>7.1987774012122793E-2</v>
      </c>
    </row>
    <row r="56" spans="1:17">
      <c r="A56" s="44" t="s">
        <v>549</v>
      </c>
      <c r="B56" s="120">
        <v>60</v>
      </c>
      <c r="C56" s="121">
        <v>0.40004826626044443</v>
      </c>
      <c r="D56" s="92">
        <v>0.12278523418861938</v>
      </c>
      <c r="E56" s="121">
        <v>0.41214753085703554</v>
      </c>
      <c r="F56" s="92">
        <v>0.12329247545210895</v>
      </c>
      <c r="G56" s="121">
        <v>0.18780420288252006</v>
      </c>
      <c r="H56" s="92">
        <v>0.10134604513256264</v>
      </c>
      <c r="I56" s="122">
        <v>62</v>
      </c>
      <c r="J56" s="121">
        <v>7.7858288722943328E-2</v>
      </c>
      <c r="K56" s="92">
        <v>7.4971613276028692E-2</v>
      </c>
      <c r="L56" s="121">
        <v>0.49689169532172495</v>
      </c>
      <c r="M56" s="92">
        <v>0.12308939201817044</v>
      </c>
      <c r="N56" s="121">
        <v>0.34725955231752453</v>
      </c>
      <c r="O56" s="92">
        <v>0.11791432414366551</v>
      </c>
      <c r="P56" s="121">
        <v>7.7990463637807192E-2</v>
      </c>
      <c r="Q56" s="92">
        <v>7.5011400056247485E-2</v>
      </c>
    </row>
    <row r="57" spans="1:17">
      <c r="A57" s="52" t="s">
        <v>550</v>
      </c>
      <c r="B57" s="117">
        <v>148</v>
      </c>
      <c r="C57" s="118">
        <v>0.50559918169550899</v>
      </c>
      <c r="D57" s="89">
        <v>8.1105888795421036E-2</v>
      </c>
      <c r="E57" s="118">
        <v>0.34565364991376379</v>
      </c>
      <c r="F57" s="89">
        <v>7.7360151885624992E-2</v>
      </c>
      <c r="G57" s="118">
        <v>0.14874716839072627</v>
      </c>
      <c r="H57" s="89">
        <v>5.9167383898532898E-2</v>
      </c>
      <c r="I57" s="119">
        <v>151</v>
      </c>
      <c r="J57" s="118">
        <v>0.10095369983435282</v>
      </c>
      <c r="K57" s="89">
        <v>5.0513424608316648E-2</v>
      </c>
      <c r="L57" s="118">
        <v>0.37720595863453371</v>
      </c>
      <c r="M57" s="89">
        <v>7.798921685699968E-2</v>
      </c>
      <c r="N57" s="118">
        <v>0.34666568814484267</v>
      </c>
      <c r="O57" s="89">
        <v>7.6653627826479359E-2</v>
      </c>
      <c r="P57" s="118">
        <v>0.17517465338627033</v>
      </c>
      <c r="Q57" s="89">
        <v>6.2188886368866304E-2</v>
      </c>
    </row>
    <row r="58" spans="1:17">
      <c r="A58" s="44" t="s">
        <v>551</v>
      </c>
      <c r="B58" s="120">
        <v>601</v>
      </c>
      <c r="C58" s="121">
        <v>0.33768255430965655</v>
      </c>
      <c r="D58" s="92">
        <v>3.8483679880000274E-2</v>
      </c>
      <c r="E58" s="121">
        <v>0.38594023177642511</v>
      </c>
      <c r="F58" s="92">
        <v>3.9598132417728429E-2</v>
      </c>
      <c r="G58" s="121">
        <v>0.27637721391391756</v>
      </c>
      <c r="H58" s="92">
        <v>3.6422853162371753E-2</v>
      </c>
      <c r="I58" s="122">
        <v>610</v>
      </c>
      <c r="J58" s="121">
        <v>6.5495836617838629E-2</v>
      </c>
      <c r="K58" s="92">
        <v>2.0364428078704064E-2</v>
      </c>
      <c r="L58" s="121">
        <v>0.33893371135463313</v>
      </c>
      <c r="M58" s="92">
        <v>3.8234196941131879E-2</v>
      </c>
      <c r="N58" s="121">
        <v>0.44204373226604121</v>
      </c>
      <c r="O58" s="92">
        <v>4.0088232737923127E-2</v>
      </c>
      <c r="P58" s="121">
        <v>0.15352671976148727</v>
      </c>
      <c r="Q58" s="92">
        <v>2.9270752160771053E-2</v>
      </c>
    </row>
    <row r="61" spans="1:17" ht="18.75">
      <c r="A61" s="342" t="s">
        <v>35</v>
      </c>
      <c r="B61" s="342"/>
      <c r="C61" s="342"/>
      <c r="D61" s="342"/>
      <c r="E61" s="342"/>
      <c r="F61" s="342"/>
      <c r="G61" s="342"/>
      <c r="H61" s="342"/>
      <c r="I61" s="342"/>
      <c r="J61" s="342"/>
      <c r="K61" s="342"/>
      <c r="L61" s="342"/>
      <c r="M61" s="342"/>
      <c r="N61" s="342"/>
      <c r="O61" s="342"/>
      <c r="P61" s="342"/>
    </row>
    <row r="62" spans="1:17" ht="85.5" customHeight="1">
      <c r="A62" s="376" t="s">
        <v>589</v>
      </c>
      <c r="B62" s="376"/>
      <c r="C62" s="376"/>
      <c r="D62" s="376"/>
      <c r="E62" s="376"/>
      <c r="F62" s="376"/>
      <c r="G62" s="376"/>
      <c r="H62" s="376"/>
      <c r="I62" s="376"/>
      <c r="J62" s="376"/>
      <c r="K62" s="376"/>
      <c r="L62" s="376"/>
      <c r="M62" s="376"/>
      <c r="N62" s="376"/>
      <c r="O62" s="376"/>
      <c r="P62" s="376"/>
    </row>
    <row r="63" spans="1:17" ht="42" customHeight="1">
      <c r="A63" s="104"/>
      <c r="B63" s="387" t="s">
        <v>330</v>
      </c>
      <c r="C63" s="388"/>
      <c r="D63" s="388"/>
      <c r="E63" s="388"/>
      <c r="F63" s="388"/>
      <c r="G63" s="388"/>
      <c r="H63" s="388"/>
      <c r="I63" s="387" t="s">
        <v>481</v>
      </c>
      <c r="J63" s="388"/>
      <c r="K63" s="387" t="s">
        <v>485</v>
      </c>
      <c r="L63" s="388"/>
      <c r="M63" s="387" t="s">
        <v>486</v>
      </c>
      <c r="N63" s="388"/>
      <c r="O63" s="387" t="s">
        <v>487</v>
      </c>
      <c r="P63" s="388"/>
    </row>
    <row r="64" spans="1:17" ht="39" customHeight="1">
      <c r="A64" s="32" t="s">
        <v>71</v>
      </c>
      <c r="B64" s="33" t="s">
        <v>72</v>
      </c>
      <c r="C64" s="33" t="s">
        <v>194</v>
      </c>
      <c r="D64" s="84" t="s">
        <v>113</v>
      </c>
      <c r="E64" s="33" t="s">
        <v>195</v>
      </c>
      <c r="F64" s="84" t="s">
        <v>278</v>
      </c>
      <c r="G64" s="33" t="s">
        <v>196</v>
      </c>
      <c r="H64" s="84" t="s">
        <v>279</v>
      </c>
      <c r="I64" s="60" t="s">
        <v>482</v>
      </c>
      <c r="J64" s="83" t="s">
        <v>484</v>
      </c>
      <c r="K64" s="60" t="s">
        <v>488</v>
      </c>
      <c r="L64" s="83" t="s">
        <v>489</v>
      </c>
      <c r="M64" s="60" t="s">
        <v>490</v>
      </c>
      <c r="N64" s="83" t="s">
        <v>491</v>
      </c>
      <c r="O64" s="60" t="s">
        <v>492</v>
      </c>
      <c r="P64" s="83" t="s">
        <v>493</v>
      </c>
    </row>
    <row r="65" spans="1:16" ht="60">
      <c r="A65" s="36"/>
      <c r="B65" s="37" t="s">
        <v>74</v>
      </c>
      <c r="C65" s="123" t="s">
        <v>178</v>
      </c>
      <c r="D65" s="86" t="s">
        <v>88</v>
      </c>
      <c r="E65" s="37" t="s">
        <v>191</v>
      </c>
      <c r="F65" s="86" t="s">
        <v>88</v>
      </c>
      <c r="G65" s="37" t="s">
        <v>192</v>
      </c>
      <c r="H65" s="86" t="s">
        <v>88</v>
      </c>
      <c r="I65" s="254" t="s">
        <v>483</v>
      </c>
      <c r="J65" s="85" t="s">
        <v>88</v>
      </c>
      <c r="K65" s="254" t="s">
        <v>483</v>
      </c>
      <c r="L65" s="85" t="s">
        <v>88</v>
      </c>
      <c r="M65" s="254" t="s">
        <v>483</v>
      </c>
      <c r="N65" s="85" t="s">
        <v>88</v>
      </c>
      <c r="O65" s="254" t="s">
        <v>483</v>
      </c>
      <c r="P65" s="85" t="s">
        <v>88</v>
      </c>
    </row>
    <row r="66" spans="1:16">
      <c r="A66" s="40" t="s">
        <v>350</v>
      </c>
      <c r="B66" s="124">
        <v>13199</v>
      </c>
      <c r="C66" s="118">
        <v>0.55799105640207791</v>
      </c>
      <c r="D66" s="89">
        <v>8.6441963919450977E-3</v>
      </c>
      <c r="E66" s="118">
        <v>0.22309973786757872</v>
      </c>
      <c r="F66" s="89">
        <v>7.2474301034588561E-3</v>
      </c>
      <c r="G66" s="118">
        <v>0.21890920573036099</v>
      </c>
      <c r="H66" s="89">
        <v>7.1984209206485752E-3</v>
      </c>
      <c r="I66" s="118">
        <v>0.32120433631265499</v>
      </c>
      <c r="J66" s="89">
        <v>8.1278036075746619E-3</v>
      </c>
      <c r="K66" s="118">
        <v>0.21223748272553189</v>
      </c>
      <c r="L66" s="89">
        <v>7.1181564636737622E-3</v>
      </c>
      <c r="M66" s="118">
        <v>0.10145863403891138</v>
      </c>
      <c r="N66" s="89">
        <v>5.2581904512326106E-3</v>
      </c>
      <c r="O66" s="118">
        <v>0.16916473945225585</v>
      </c>
      <c r="P66" s="89">
        <v>6.5269230126620489E-3</v>
      </c>
    </row>
    <row r="67" spans="1:16">
      <c r="A67" s="44" t="s">
        <v>351</v>
      </c>
      <c r="B67" s="44">
        <v>9769</v>
      </c>
      <c r="C67" s="121">
        <v>0.54151838350650428</v>
      </c>
      <c r="D67" s="92">
        <v>1.0080564338579633E-2</v>
      </c>
      <c r="E67" s="121">
        <v>0.21875773141156241</v>
      </c>
      <c r="F67" s="92">
        <v>8.3651330531702914E-3</v>
      </c>
      <c r="G67" s="121">
        <v>0.23972388508193027</v>
      </c>
      <c r="H67" s="92">
        <v>8.6382032719531099E-3</v>
      </c>
      <c r="I67" s="121">
        <v>0.36438203000617198</v>
      </c>
      <c r="J67" s="92">
        <v>9.7365862976547066E-3</v>
      </c>
      <c r="K67" s="121">
        <v>0.22675958426593701</v>
      </c>
      <c r="L67" s="92">
        <v>8.4728946069798604E-3</v>
      </c>
      <c r="M67" s="121">
        <v>9.8407585542624215E-2</v>
      </c>
      <c r="N67" s="92">
        <v>6.0305685919661072E-3</v>
      </c>
      <c r="O67" s="121">
        <v>0.17180607948003523</v>
      </c>
      <c r="P67" s="92">
        <v>7.6337128090536496E-3</v>
      </c>
    </row>
    <row r="68" spans="1:16">
      <c r="A68" s="40" t="s">
        <v>352</v>
      </c>
      <c r="B68" s="48">
        <v>3430</v>
      </c>
      <c r="C68" s="118">
        <v>0.57186925443077541</v>
      </c>
      <c r="D68" s="89">
        <v>1.6887956384368057E-2</v>
      </c>
      <c r="E68" s="118">
        <v>0.22675787069279807</v>
      </c>
      <c r="F68" s="89">
        <v>1.4298285518350605E-2</v>
      </c>
      <c r="G68" s="118">
        <v>0.20137287487642549</v>
      </c>
      <c r="H68" s="89">
        <v>1.3695646425436804E-2</v>
      </c>
      <c r="I68" s="118">
        <v>0.28482720509049392</v>
      </c>
      <c r="J68" s="89">
        <v>1.5407811651176322E-2</v>
      </c>
      <c r="K68" s="118">
        <v>0.20000263764309573</v>
      </c>
      <c r="L68" s="89">
        <v>1.3660801632079013E-2</v>
      </c>
      <c r="M68" s="118">
        <v>0.10402913704683589</v>
      </c>
      <c r="N68" s="89">
        <v>1.0440062991898674E-2</v>
      </c>
      <c r="O68" s="118">
        <v>0.16693941511059252</v>
      </c>
      <c r="P68" s="89">
        <v>1.2739444441949587E-2</v>
      </c>
    </row>
    <row r="69" spans="1:16">
      <c r="A69" s="44" t="s">
        <v>555</v>
      </c>
      <c r="B69" s="44">
        <v>3424</v>
      </c>
      <c r="C69" s="121">
        <v>0.58260165499943062</v>
      </c>
      <c r="D69" s="92">
        <v>1.6845543104373646E-2</v>
      </c>
      <c r="E69" s="121">
        <v>0.21744422078311987</v>
      </c>
      <c r="F69" s="92">
        <v>1.4098687100350525E-2</v>
      </c>
      <c r="G69" s="121">
        <v>0.19995412421745892</v>
      </c>
      <c r="H69" s="92">
        <v>1.3671527922056986E-2</v>
      </c>
      <c r="I69" s="121">
        <v>0.30741968396682884</v>
      </c>
      <c r="J69" s="92">
        <v>1.5765171520960786E-2</v>
      </c>
      <c r="K69" s="121">
        <v>0.19117040224564005</v>
      </c>
      <c r="L69" s="92">
        <v>1.34418984000171E-2</v>
      </c>
      <c r="M69" s="121">
        <v>9.5741405593158302E-2</v>
      </c>
      <c r="N69" s="92">
        <v>1.0073021313016947E-2</v>
      </c>
      <c r="O69" s="121">
        <v>0.14417078188065166</v>
      </c>
      <c r="P69" s="92">
        <v>1.2013259791044803E-2</v>
      </c>
    </row>
    <row r="70" spans="1:16">
      <c r="A70" s="40" t="s">
        <v>556</v>
      </c>
      <c r="B70" s="48">
        <v>2837</v>
      </c>
      <c r="C70" s="118">
        <v>0.52712992474871367</v>
      </c>
      <c r="D70" s="89">
        <v>1.8733802374103846E-2</v>
      </c>
      <c r="E70" s="118">
        <v>0.21462636115151501</v>
      </c>
      <c r="F70" s="89">
        <v>1.5415907033164289E-2</v>
      </c>
      <c r="G70" s="118">
        <v>0.25824371409976693</v>
      </c>
      <c r="H70" s="89">
        <v>1.6429571356489751E-2</v>
      </c>
      <c r="I70" s="118">
        <v>0.40243779748867814</v>
      </c>
      <c r="J70" s="89">
        <v>1.8401766006581714E-2</v>
      </c>
      <c r="K70" s="118">
        <v>0.22783079658043345</v>
      </c>
      <c r="L70" s="89">
        <v>1.5747585230004749E-2</v>
      </c>
      <c r="M70" s="118">
        <v>0.10071970894035109</v>
      </c>
      <c r="N70" s="89">
        <v>1.1320666599181014E-2</v>
      </c>
      <c r="O70" s="118">
        <v>0.17204331723530847</v>
      </c>
      <c r="P70" s="89">
        <v>1.4176792307699214E-2</v>
      </c>
    </row>
    <row r="71" spans="1:16">
      <c r="A71" s="44" t="s">
        <v>536</v>
      </c>
      <c r="B71" s="44">
        <v>321</v>
      </c>
      <c r="C71" s="121">
        <v>0.59018223763364119</v>
      </c>
      <c r="D71" s="92">
        <v>5.4582738882707017E-2</v>
      </c>
      <c r="E71" s="121">
        <v>0.23923907892195279</v>
      </c>
      <c r="F71" s="92">
        <v>4.7544919140441989E-2</v>
      </c>
      <c r="G71" s="121">
        <v>0.1705786834444081</v>
      </c>
      <c r="H71" s="92">
        <v>4.2118715760309525E-2</v>
      </c>
      <c r="I71" s="121">
        <v>0.33596993162840255</v>
      </c>
      <c r="J71" s="92">
        <v>5.247737788515245E-2</v>
      </c>
      <c r="K71" s="121">
        <v>0.20350669248065689</v>
      </c>
      <c r="L71" s="92">
        <v>4.4960467896528397E-2</v>
      </c>
      <c r="M71" s="121">
        <v>4.4692660607059967E-2</v>
      </c>
      <c r="N71" s="92">
        <v>2.4246607640294789E-2</v>
      </c>
      <c r="O71" s="121">
        <v>0.11519311709328608</v>
      </c>
      <c r="P71" s="92">
        <v>3.6042058911591464E-2</v>
      </c>
    </row>
    <row r="72" spans="1:16">
      <c r="A72" s="40" t="s">
        <v>537</v>
      </c>
      <c r="B72" s="48">
        <v>160</v>
      </c>
      <c r="C72" s="118">
        <v>0.58934135248518982</v>
      </c>
      <c r="D72" s="89">
        <v>7.6891233651684057E-2</v>
      </c>
      <c r="E72" s="118">
        <v>0.25771259998808932</v>
      </c>
      <c r="F72" s="89">
        <v>6.8809646262887561E-2</v>
      </c>
      <c r="G72" s="118">
        <v>0.15294604752672025</v>
      </c>
      <c r="H72" s="89">
        <v>5.7457797618969526E-2</v>
      </c>
      <c r="I72" s="118">
        <v>0.35360091280673595</v>
      </c>
      <c r="J72" s="89">
        <v>7.4833156618563837E-2</v>
      </c>
      <c r="K72" s="118">
        <v>0.16971814044728928</v>
      </c>
      <c r="L72" s="89">
        <v>5.9708697975501462E-2</v>
      </c>
      <c r="M72" s="118">
        <v>4.2438936232221447E-2</v>
      </c>
      <c r="N72" s="89">
        <v>3.5174170620084086E-2</v>
      </c>
      <c r="O72" s="118">
        <v>8.9542785774935976E-2</v>
      </c>
      <c r="P72" s="89">
        <v>4.675910004068997E-2</v>
      </c>
    </row>
    <row r="73" spans="1:16">
      <c r="A73" s="44" t="s">
        <v>538</v>
      </c>
      <c r="B73" s="44">
        <v>84</v>
      </c>
      <c r="C73" s="121">
        <v>0.60474095779021142</v>
      </c>
      <c r="D73" s="92">
        <v>0.10444746364637317</v>
      </c>
      <c r="E73" s="121">
        <v>0.20758852182988871</v>
      </c>
      <c r="F73" s="92">
        <v>8.8444126987960114E-2</v>
      </c>
      <c r="G73" s="121">
        <v>0.18767052037989995</v>
      </c>
      <c r="H73" s="92">
        <v>8.5577424295696813E-2</v>
      </c>
      <c r="I73" s="121">
        <v>0.29973466855780229</v>
      </c>
      <c r="J73" s="92">
        <v>9.8501719278747457E-2</v>
      </c>
      <c r="K73" s="121">
        <v>0.23830651850111451</v>
      </c>
      <c r="L73" s="92">
        <v>9.2343429579236733E-2</v>
      </c>
      <c r="M73" s="121">
        <v>5.6617982093814974E-2</v>
      </c>
      <c r="N73" s="92">
        <v>5.6760187189945049E-2</v>
      </c>
      <c r="O73" s="121">
        <v>0.13189530025130627</v>
      </c>
      <c r="P73" s="92">
        <v>7.5839917596620079E-2</v>
      </c>
    </row>
    <row r="74" spans="1:16">
      <c r="A74" s="40" t="s">
        <v>539</v>
      </c>
      <c r="B74" s="48">
        <v>237</v>
      </c>
      <c r="C74" s="118">
        <v>0.5565159648318897</v>
      </c>
      <c r="D74" s="89">
        <v>6.4016477718988316E-2</v>
      </c>
      <c r="E74" s="118">
        <v>0.19846437708810297</v>
      </c>
      <c r="F74" s="89">
        <v>5.1864719634669945E-2</v>
      </c>
      <c r="G74" s="118">
        <v>0.24501965808000531</v>
      </c>
      <c r="H74" s="89">
        <v>5.5729829690247992E-2</v>
      </c>
      <c r="I74" s="118">
        <v>0.37225900690760272</v>
      </c>
      <c r="J74" s="89">
        <v>6.2349491732188241E-2</v>
      </c>
      <c r="K74" s="118">
        <v>0.23856212143519639</v>
      </c>
      <c r="L74" s="89">
        <v>5.5247504768592894E-2</v>
      </c>
      <c r="M74" s="118">
        <v>6.0559395327258861E-2</v>
      </c>
      <c r="N74" s="89">
        <v>3.2400241696133245E-2</v>
      </c>
      <c r="O74" s="118">
        <v>0.15416877927153563</v>
      </c>
      <c r="P74" s="89">
        <v>4.7219434587759013E-2</v>
      </c>
    </row>
    <row r="75" spans="1:16">
      <c r="A75" s="44" t="s">
        <v>540</v>
      </c>
      <c r="B75" s="44">
        <v>80</v>
      </c>
      <c r="C75" s="121">
        <v>0.47974501480455872</v>
      </c>
      <c r="D75" s="92">
        <v>0.10902771121585376</v>
      </c>
      <c r="E75" s="121">
        <v>0.23327886563906725</v>
      </c>
      <c r="F75" s="92">
        <v>9.3979170587288011E-2</v>
      </c>
      <c r="G75" s="121">
        <v>0.28697611955637392</v>
      </c>
      <c r="H75" s="92">
        <v>9.972336780197423E-2</v>
      </c>
      <c r="I75" s="121">
        <v>0.44404543905469396</v>
      </c>
      <c r="J75" s="92">
        <v>0.10848747342956847</v>
      </c>
      <c r="K75" s="121">
        <v>0.29284424538438558</v>
      </c>
      <c r="L75" s="92">
        <v>0.10025590694531315</v>
      </c>
      <c r="M75" s="121">
        <v>9.0077640402055306E-2</v>
      </c>
      <c r="N75" s="92">
        <v>6.8168588406829225E-2</v>
      </c>
      <c r="O75" s="121">
        <v>0.24654274274102617</v>
      </c>
      <c r="P75" s="92">
        <v>9.5551506700238986E-2</v>
      </c>
    </row>
    <row r="76" spans="1:16">
      <c r="A76" s="40" t="s">
        <v>541</v>
      </c>
      <c r="B76" s="124">
        <v>86</v>
      </c>
      <c r="C76" s="118">
        <v>0.60028256491815146</v>
      </c>
      <c r="D76" s="89">
        <v>0.10345529612372653</v>
      </c>
      <c r="E76" s="118">
        <v>0.14781954909324713</v>
      </c>
      <c r="F76" s="89">
        <v>7.7959794297302487E-2</v>
      </c>
      <c r="G76" s="118">
        <v>0.25189788598860136</v>
      </c>
      <c r="H76" s="89">
        <v>9.2806914688660591E-2</v>
      </c>
      <c r="I76" s="118">
        <v>0.36053808319403524</v>
      </c>
      <c r="J76" s="89">
        <v>0.10159632767022828</v>
      </c>
      <c r="K76" s="118">
        <v>0.23417774442059508</v>
      </c>
      <c r="L76" s="89">
        <v>9.079402083044591E-2</v>
      </c>
      <c r="M76" s="118">
        <v>3.8986552404100545E-2</v>
      </c>
      <c r="N76" s="89">
        <v>4.9861425639502029E-2</v>
      </c>
      <c r="O76" s="118">
        <v>0.1169778421243903</v>
      </c>
      <c r="P76" s="89">
        <v>7.1816051430852096E-2</v>
      </c>
    </row>
    <row r="77" spans="1:16">
      <c r="A77" s="44" t="s">
        <v>542</v>
      </c>
      <c r="B77" s="126">
        <v>71</v>
      </c>
      <c r="C77" s="121">
        <v>0.58966398460107272</v>
      </c>
      <c r="D77" s="92">
        <v>0.11379398042236889</v>
      </c>
      <c r="E77" s="121">
        <v>0.21418141176419148</v>
      </c>
      <c r="F77" s="92">
        <v>9.7101790481020148E-2</v>
      </c>
      <c r="G77" s="121">
        <v>0.19615460363473536</v>
      </c>
      <c r="H77" s="92">
        <v>9.4449437024478042E-2</v>
      </c>
      <c r="I77" s="121">
        <v>0.31210481818904723</v>
      </c>
      <c r="J77" s="92">
        <v>0.10791621505870309</v>
      </c>
      <c r="K77" s="121">
        <v>0.18860432023105367</v>
      </c>
      <c r="L77" s="92">
        <v>9.32666680040867E-2</v>
      </c>
      <c r="M77" s="121">
        <v>5.2551333993031857E-2</v>
      </c>
      <c r="N77" s="92">
        <v>6.1351868409821479E-2</v>
      </c>
      <c r="O77" s="121">
        <v>9.8837072665926146E-2</v>
      </c>
      <c r="P77" s="92">
        <v>7.5109375129897613E-2</v>
      </c>
    </row>
    <row r="78" spans="1:16">
      <c r="A78" s="40" t="s">
        <v>543</v>
      </c>
      <c r="B78" s="78">
        <v>454</v>
      </c>
      <c r="C78" s="93">
        <v>0.50241950265546886</v>
      </c>
      <c r="D78" s="89">
        <v>4.6726393784463374E-2</v>
      </c>
      <c r="E78" s="93">
        <v>0.19577366961961309</v>
      </c>
      <c r="F78" s="89">
        <v>3.72710991305173E-2</v>
      </c>
      <c r="G78" s="93">
        <v>0.30180682772491957</v>
      </c>
      <c r="H78" s="89">
        <v>4.2968719520235579E-2</v>
      </c>
      <c r="I78" s="93">
        <v>0.43815403826886629</v>
      </c>
      <c r="J78" s="89">
        <v>4.6374363885161897E-2</v>
      </c>
      <c r="K78" s="93">
        <v>0.23380939375358153</v>
      </c>
      <c r="L78" s="89">
        <v>3.9690378200194464E-2</v>
      </c>
      <c r="M78" s="93">
        <v>0.10419244081606489</v>
      </c>
      <c r="N78" s="89">
        <v>2.8964804557728405E-2</v>
      </c>
      <c r="O78" s="93">
        <v>0.23020011669287221</v>
      </c>
      <c r="P78" s="89">
        <v>3.9480684156048898E-2</v>
      </c>
    </row>
    <row r="79" spans="1:16">
      <c r="A79" s="44" t="s">
        <v>616</v>
      </c>
      <c r="B79" s="126">
        <v>235</v>
      </c>
      <c r="C79" s="121">
        <v>0.52904723042812807</v>
      </c>
      <c r="D79" s="92">
        <v>6.4579005418184385E-2</v>
      </c>
      <c r="E79" s="121">
        <v>0.18318105301651896</v>
      </c>
      <c r="F79" s="92">
        <v>5.0596020261089072E-2</v>
      </c>
      <c r="G79" s="121">
        <v>0.28777171655535072</v>
      </c>
      <c r="H79" s="92">
        <v>5.8781801010199246E-2</v>
      </c>
      <c r="I79" s="121">
        <v>0.3980078150647875</v>
      </c>
      <c r="J79" s="92">
        <v>6.3370185314014921E-2</v>
      </c>
      <c r="K79" s="121">
        <v>0.23142670575574137</v>
      </c>
      <c r="L79" s="92">
        <v>5.4926748996678661E-2</v>
      </c>
      <c r="M79" s="121">
        <v>0.12847124955141995</v>
      </c>
      <c r="N79" s="92">
        <v>4.4165549222523318E-2</v>
      </c>
      <c r="O79" s="121">
        <v>0.22933201865063579</v>
      </c>
      <c r="P79" s="92">
        <v>5.4760120353320389E-2</v>
      </c>
    </row>
    <row r="80" spans="1:16">
      <c r="A80" s="52" t="s">
        <v>544</v>
      </c>
      <c r="B80" s="124">
        <v>219</v>
      </c>
      <c r="C80" s="118">
        <v>0.47829228009902264</v>
      </c>
      <c r="D80" s="89">
        <v>6.6904057967694414E-2</v>
      </c>
      <c r="E80" s="118">
        <v>0.20718376311105766</v>
      </c>
      <c r="F80" s="89">
        <v>5.478158629485623E-2</v>
      </c>
      <c r="G80" s="118">
        <v>0.31452395678991851</v>
      </c>
      <c r="H80" s="89">
        <v>6.2363278054135232E-2</v>
      </c>
      <c r="I80" s="118">
        <v>0.47453028750481802</v>
      </c>
      <c r="J80" s="89">
        <v>6.688110822045952E-2</v>
      </c>
      <c r="K80" s="118">
        <v>0.2359683328901557</v>
      </c>
      <c r="L80" s="89">
        <v>5.7256523535584525E-2</v>
      </c>
      <c r="M80" s="118">
        <v>8.2193559545967465E-2</v>
      </c>
      <c r="N80" s="89">
        <v>3.8268331777067635E-2</v>
      </c>
      <c r="O80" s="118">
        <v>0.23098669506128033</v>
      </c>
      <c r="P80" s="89">
        <v>5.6853951019278273E-2</v>
      </c>
    </row>
    <row r="81" spans="1:16">
      <c r="A81" s="44" t="s">
        <v>545</v>
      </c>
      <c r="B81" s="126">
        <v>110</v>
      </c>
      <c r="C81" s="121">
        <v>0.53823449338075169</v>
      </c>
      <c r="D81" s="92">
        <v>9.3403277968133816E-2</v>
      </c>
      <c r="E81" s="121">
        <v>0.23567584376437245</v>
      </c>
      <c r="F81" s="92">
        <v>8.0557201878724574E-2</v>
      </c>
      <c r="G81" s="121">
        <v>0.22608966285487569</v>
      </c>
      <c r="H81" s="92">
        <v>7.9504121425144639E-2</v>
      </c>
      <c r="I81" s="121">
        <v>0.4008904398167647</v>
      </c>
      <c r="J81" s="92">
        <v>9.1929514284427472E-2</v>
      </c>
      <c r="K81" s="121">
        <v>0.19360750424230841</v>
      </c>
      <c r="L81" s="92">
        <v>7.5532234941186882E-2</v>
      </c>
      <c r="M81" s="121">
        <v>0.1348978430742066</v>
      </c>
      <c r="N81" s="92">
        <v>6.6462140740380246E-2</v>
      </c>
      <c r="O81" s="121">
        <v>0.13944468786085124</v>
      </c>
      <c r="P81" s="92">
        <v>6.7268155140754834E-2</v>
      </c>
    </row>
    <row r="82" spans="1:16">
      <c r="A82" s="52" t="s">
        <v>546</v>
      </c>
      <c r="B82" s="124">
        <v>275</v>
      </c>
      <c r="C82" s="118">
        <v>0.4613710576763414</v>
      </c>
      <c r="D82" s="89">
        <v>5.9694597302062724E-2</v>
      </c>
      <c r="E82" s="118">
        <v>0.26772736692163757</v>
      </c>
      <c r="F82" s="89">
        <v>5.3223718599816304E-2</v>
      </c>
      <c r="G82" s="118">
        <v>0.27090157540202414</v>
      </c>
      <c r="H82" s="89">
        <v>5.3415004794047406E-2</v>
      </c>
      <c r="I82" s="118">
        <v>0.48138202827809273</v>
      </c>
      <c r="J82" s="89">
        <v>5.9828097720370489E-2</v>
      </c>
      <c r="K82" s="118">
        <v>0.23115379882657827</v>
      </c>
      <c r="L82" s="89">
        <v>5.0768906324798468E-2</v>
      </c>
      <c r="M82" s="118">
        <v>0.11156665309125473</v>
      </c>
      <c r="N82" s="89">
        <v>3.8505195577030089E-2</v>
      </c>
      <c r="O82" s="118">
        <v>0.15224380926865691</v>
      </c>
      <c r="P82" s="89">
        <v>4.3586263697398799E-2</v>
      </c>
    </row>
    <row r="83" spans="1:16">
      <c r="A83" s="44" t="s">
        <v>557</v>
      </c>
      <c r="B83" s="126">
        <v>110</v>
      </c>
      <c r="C83" s="121">
        <v>0.47129298909749595</v>
      </c>
      <c r="D83" s="92">
        <v>9.3514746748903185E-2</v>
      </c>
      <c r="E83" s="121">
        <v>0.26566472599803026</v>
      </c>
      <c r="F83" s="92">
        <v>8.3534406948036419E-2</v>
      </c>
      <c r="G83" s="121">
        <v>0.26304228490447473</v>
      </c>
      <c r="H83" s="92">
        <v>8.3292381105722901E-2</v>
      </c>
      <c r="I83" s="121">
        <v>0.44796455528767792</v>
      </c>
      <c r="J83" s="92">
        <v>9.3185156578651812E-2</v>
      </c>
      <c r="K83" s="121">
        <v>0.21637269047101387</v>
      </c>
      <c r="L83" s="92">
        <v>7.8383164785794407E-2</v>
      </c>
      <c r="M83" s="121">
        <v>0.1055637472661133</v>
      </c>
      <c r="N83" s="92">
        <v>6.0739995875724283E-2</v>
      </c>
      <c r="O83" s="121">
        <v>0.16986635367189909</v>
      </c>
      <c r="P83" s="92">
        <v>7.2190267938734523E-2</v>
      </c>
    </row>
    <row r="84" spans="1:16">
      <c r="A84" s="52" t="s">
        <v>558</v>
      </c>
      <c r="B84" s="124">
        <v>104</v>
      </c>
      <c r="C84" s="118">
        <v>0.45173716073222892</v>
      </c>
      <c r="D84" s="89">
        <v>9.5808459382154904E-2</v>
      </c>
      <c r="E84" s="118">
        <v>0.25172221243405724</v>
      </c>
      <c r="F84" s="89">
        <v>8.451159183150693E-2</v>
      </c>
      <c r="G84" s="118">
        <v>0.29654062683371413</v>
      </c>
      <c r="H84" s="89">
        <v>8.8529938145172349E-2</v>
      </c>
      <c r="I84" s="118">
        <v>0.51333789108938499</v>
      </c>
      <c r="J84" s="89">
        <v>9.6193291973344641E-2</v>
      </c>
      <c r="K84" s="118">
        <v>0.20977230114106094</v>
      </c>
      <c r="L84" s="89">
        <v>7.9789480918238662E-2</v>
      </c>
      <c r="M84" s="118">
        <v>0.12447786919623822</v>
      </c>
      <c r="N84" s="89">
        <v>6.6453934093090958E-2</v>
      </c>
      <c r="O84" s="118">
        <v>0.12548573605195321</v>
      </c>
      <c r="P84" s="89">
        <v>6.6648987399474419E-2</v>
      </c>
    </row>
    <row r="85" spans="1:16">
      <c r="A85" s="44" t="s">
        <v>549</v>
      </c>
      <c r="B85" s="126">
        <v>61</v>
      </c>
      <c r="C85" s="121">
        <v>0.4584492373788977</v>
      </c>
      <c r="D85" s="92">
        <v>0.12365696574677339</v>
      </c>
      <c r="E85" s="121">
        <v>0.29723010354563562</v>
      </c>
      <c r="F85" s="92">
        <v>0.11470069418877521</v>
      </c>
      <c r="G85" s="121">
        <v>0.24432065907546682</v>
      </c>
      <c r="H85" s="92">
        <v>0.1088191973262328</v>
      </c>
      <c r="I85" s="121">
        <v>0.49201149243501285</v>
      </c>
      <c r="J85" s="92">
        <v>0.12402079140430564</v>
      </c>
      <c r="K85" s="121">
        <v>0.29284419571903042</v>
      </c>
      <c r="L85" s="92">
        <v>0.11427514027489767</v>
      </c>
      <c r="M85" s="121">
        <v>0.10196976366988345</v>
      </c>
      <c r="N85" s="92">
        <v>8.245121856542148E-2</v>
      </c>
      <c r="O85" s="121">
        <v>0.16253396795201439</v>
      </c>
      <c r="P85" s="92">
        <v>9.5981348204196432E-2</v>
      </c>
    </row>
    <row r="86" spans="1:16">
      <c r="A86" s="52" t="s">
        <v>550</v>
      </c>
      <c r="B86" s="124">
        <v>149</v>
      </c>
      <c r="C86" s="118">
        <v>0.46196036793860146</v>
      </c>
      <c r="D86" s="89">
        <v>8.0623008474848309E-2</v>
      </c>
      <c r="E86" s="118">
        <v>0.21033830169598289</v>
      </c>
      <c r="F86" s="89">
        <v>6.6750121177452326E-2</v>
      </c>
      <c r="G86" s="118">
        <v>0.32770133036541471</v>
      </c>
      <c r="H86" s="89">
        <v>7.6156895187950491E-2</v>
      </c>
      <c r="I86" s="118">
        <v>0.48050798265927402</v>
      </c>
      <c r="J86" s="89">
        <v>8.0786925048793312E-2</v>
      </c>
      <c r="K86" s="89">
        <v>0.26945815576270843</v>
      </c>
      <c r="L86" s="89">
        <v>7.2236574205891663E-2</v>
      </c>
      <c r="M86" s="89">
        <v>0.12428991810352778</v>
      </c>
      <c r="N86" s="89">
        <v>5.5099735364329896E-2</v>
      </c>
      <c r="O86" s="89">
        <v>0.21607023361904415</v>
      </c>
      <c r="P86" s="89">
        <v>6.735798585441008E-2</v>
      </c>
    </row>
    <row r="87" spans="1:16">
      <c r="A87" s="44" t="s">
        <v>551</v>
      </c>
      <c r="B87" s="126">
        <v>610</v>
      </c>
      <c r="C87" s="121">
        <v>0.62569345276481592</v>
      </c>
      <c r="D87" s="92">
        <v>3.9077833761851567E-2</v>
      </c>
      <c r="E87" s="121">
        <v>0.2218273287991134</v>
      </c>
      <c r="F87" s="92">
        <v>3.3631930873690069E-2</v>
      </c>
      <c r="G87" s="121">
        <v>0.15247921843607337</v>
      </c>
      <c r="H87" s="92">
        <v>2.9190795513497712E-2</v>
      </c>
      <c r="I87" s="121">
        <v>0.2374716127780741</v>
      </c>
      <c r="J87" s="92">
        <v>3.4431059034652579E-2</v>
      </c>
      <c r="K87" s="92">
        <v>0.16012413850096402</v>
      </c>
      <c r="L87" s="92">
        <v>2.9763955801044562E-2</v>
      </c>
      <c r="M87" s="92">
        <v>9.1104208508194673E-2</v>
      </c>
      <c r="N87" s="92">
        <v>2.3528426535097156E-2</v>
      </c>
      <c r="O87" s="92">
        <v>0.12094996430459773</v>
      </c>
      <c r="P87" s="92">
        <v>2.6548095469613946E-2</v>
      </c>
    </row>
    <row r="90" spans="1:16" ht="18.75">
      <c r="A90" s="342" t="s">
        <v>10</v>
      </c>
      <c r="B90" s="342"/>
      <c r="C90" s="342"/>
      <c r="D90" s="342"/>
    </row>
    <row r="91" spans="1:16" ht="109.5" customHeight="1">
      <c r="A91" s="378" t="s">
        <v>610</v>
      </c>
      <c r="B91" s="378"/>
      <c r="C91" s="378"/>
      <c r="D91" s="378"/>
    </row>
    <row r="92" spans="1:16" ht="37.5" customHeight="1">
      <c r="A92" s="354" t="s">
        <v>114</v>
      </c>
      <c r="B92" s="354"/>
      <c r="C92" s="354"/>
      <c r="D92" s="354"/>
    </row>
    <row r="93" spans="1:16" ht="36" customHeight="1">
      <c r="A93" s="32" t="s">
        <v>71</v>
      </c>
      <c r="B93" s="33" t="s">
        <v>72</v>
      </c>
      <c r="C93" s="34" t="s">
        <v>592</v>
      </c>
      <c r="D93" s="35" t="s">
        <v>73</v>
      </c>
    </row>
    <row r="94" spans="1:16" ht="60">
      <c r="A94" s="36"/>
      <c r="B94" s="37" t="s">
        <v>74</v>
      </c>
      <c r="C94" s="38" t="s">
        <v>115</v>
      </c>
      <c r="D94" s="39" t="s">
        <v>76</v>
      </c>
    </row>
    <row r="95" spans="1:16">
      <c r="A95" s="40" t="s">
        <v>350</v>
      </c>
      <c r="B95" s="128">
        <v>13131</v>
      </c>
      <c r="C95" s="129">
        <v>3.8724198307450646</v>
      </c>
      <c r="D95" s="130">
        <v>2.1149521632353018E-2</v>
      </c>
    </row>
    <row r="96" spans="1:16">
      <c r="A96" s="44" t="s">
        <v>351</v>
      </c>
      <c r="B96" s="44">
        <v>9681</v>
      </c>
      <c r="C96" s="132">
        <v>3.647158658447113</v>
      </c>
      <c r="D96" s="133">
        <v>2.4227169989763712E-2</v>
      </c>
    </row>
    <row r="97" spans="1:4">
      <c r="A97" s="40" t="s">
        <v>352</v>
      </c>
      <c r="B97" s="48">
        <v>3450</v>
      </c>
      <c r="C97" s="129">
        <v>4.057011686604965</v>
      </c>
      <c r="D97" s="130">
        <v>4.1926708767909347E-2</v>
      </c>
    </row>
    <row r="98" spans="1:4">
      <c r="A98" s="44" t="s">
        <v>555</v>
      </c>
      <c r="B98" s="44">
        <v>3428</v>
      </c>
      <c r="C98" s="132">
        <v>3.946936140481446</v>
      </c>
      <c r="D98" s="133">
        <v>4.2337105531777185E-2</v>
      </c>
    </row>
    <row r="99" spans="1:4">
      <c r="A99" s="40" t="s">
        <v>556</v>
      </c>
      <c r="B99" s="48">
        <v>2820</v>
      </c>
      <c r="C99" s="129">
        <v>3.6411790632076975</v>
      </c>
      <c r="D99" s="130">
        <v>4.5719484280192735E-2</v>
      </c>
    </row>
    <row r="100" spans="1:4">
      <c r="A100" s="44" t="s">
        <v>536</v>
      </c>
      <c r="B100" s="44">
        <v>309</v>
      </c>
      <c r="C100" s="132">
        <v>3.8581378403110587</v>
      </c>
      <c r="D100" s="133">
        <v>0.13981126764922966</v>
      </c>
    </row>
    <row r="101" spans="1:4">
      <c r="A101" s="40" t="s">
        <v>537</v>
      </c>
      <c r="B101" s="48">
        <v>154</v>
      </c>
      <c r="C101" s="129">
        <v>4.1317685105132789</v>
      </c>
      <c r="D101" s="130">
        <v>0.18445724882486972</v>
      </c>
    </row>
    <row r="102" spans="1:4">
      <c r="A102" s="44" t="s">
        <v>538</v>
      </c>
      <c r="B102" s="44">
        <v>85</v>
      </c>
      <c r="C102" s="132">
        <v>3.0733082096829265</v>
      </c>
      <c r="D102" s="133">
        <v>0.23523533524993087</v>
      </c>
    </row>
    <row r="103" spans="1:4">
      <c r="A103" s="40" t="s">
        <v>539</v>
      </c>
      <c r="B103" s="48">
        <v>243</v>
      </c>
      <c r="C103" s="129">
        <v>3.4969528732408022</v>
      </c>
      <c r="D103" s="130">
        <v>0.15662288272610264</v>
      </c>
    </row>
    <row r="104" spans="1:4">
      <c r="A104" s="44" t="s">
        <v>540</v>
      </c>
      <c r="B104" s="44">
        <v>81</v>
      </c>
      <c r="C104" s="132">
        <v>3.0562634656467473</v>
      </c>
      <c r="D104" s="133">
        <v>0.24403988489292214</v>
      </c>
    </row>
    <row r="105" spans="1:4">
      <c r="A105" s="40" t="s">
        <v>541</v>
      </c>
      <c r="B105" s="128">
        <v>92</v>
      </c>
      <c r="C105" s="129">
        <v>3.6317102655487434</v>
      </c>
      <c r="D105" s="130">
        <v>0.24151869616483029</v>
      </c>
    </row>
    <row r="106" spans="1:4">
      <c r="A106" s="44" t="s">
        <v>542</v>
      </c>
      <c r="B106" s="131">
        <v>70</v>
      </c>
      <c r="C106" s="132">
        <v>3.7964661309717416</v>
      </c>
      <c r="D106" s="133">
        <v>0.31136695398228453</v>
      </c>
    </row>
    <row r="107" spans="1:4">
      <c r="A107" s="40" t="s">
        <v>543</v>
      </c>
      <c r="B107" s="78">
        <v>444</v>
      </c>
      <c r="C107" s="79">
        <v>3.7368442852080936</v>
      </c>
      <c r="D107" s="130">
        <v>0.11046151779912368</v>
      </c>
    </row>
    <row r="108" spans="1:4">
      <c r="A108" s="44" t="s">
        <v>616</v>
      </c>
      <c r="B108" s="131">
        <v>231</v>
      </c>
      <c r="C108" s="132">
        <v>3.5416909133507866</v>
      </c>
      <c r="D108" s="133">
        <v>0.15552503393624084</v>
      </c>
    </row>
    <row r="109" spans="1:4">
      <c r="A109" s="52" t="s">
        <v>544</v>
      </c>
      <c r="B109" s="128">
        <v>213</v>
      </c>
      <c r="C109" s="129">
        <v>3.9151489724743413</v>
      </c>
      <c r="D109" s="130">
        <v>0.15268730127787017</v>
      </c>
    </row>
    <row r="110" spans="1:4">
      <c r="A110" s="44" t="s">
        <v>545</v>
      </c>
      <c r="B110" s="131">
        <v>107</v>
      </c>
      <c r="C110" s="132">
        <v>3.5163068464162577</v>
      </c>
      <c r="D110" s="133">
        <v>0.26049247053027347</v>
      </c>
    </row>
    <row r="111" spans="1:4">
      <c r="A111" s="52" t="s">
        <v>546</v>
      </c>
      <c r="B111" s="128">
        <v>280</v>
      </c>
      <c r="C111" s="129">
        <v>3.3201976023230397</v>
      </c>
      <c r="D111" s="130">
        <v>0.14914687024481332</v>
      </c>
    </row>
    <row r="112" spans="1:4">
      <c r="A112" s="44" t="s">
        <v>557</v>
      </c>
      <c r="B112" s="131">
        <v>111</v>
      </c>
      <c r="C112" s="132">
        <v>3.4491958704072827</v>
      </c>
      <c r="D112" s="133">
        <v>0.2375217010610543</v>
      </c>
    </row>
    <row r="113" spans="1:37">
      <c r="A113" s="52" t="s">
        <v>558</v>
      </c>
      <c r="B113" s="128">
        <v>109</v>
      </c>
      <c r="C113" s="129">
        <v>3.214451427314041</v>
      </c>
      <c r="D113" s="130">
        <v>0.23690089025816816</v>
      </c>
    </row>
    <row r="114" spans="1:37">
      <c r="A114" s="44" t="s">
        <v>549</v>
      </c>
      <c r="B114" s="131">
        <v>60</v>
      </c>
      <c r="C114" s="132">
        <v>3.2613729932082021</v>
      </c>
      <c r="D114" s="133">
        <v>0.32217565739261439</v>
      </c>
    </row>
    <row r="115" spans="1:37">
      <c r="A115" s="52" t="s">
        <v>550</v>
      </c>
      <c r="B115" s="128">
        <v>156</v>
      </c>
      <c r="C115" s="129">
        <v>3.3056178829982259</v>
      </c>
      <c r="D115" s="130">
        <v>0.19194774937510953</v>
      </c>
    </row>
    <row r="116" spans="1:37">
      <c r="A116" s="44" t="s">
        <v>551</v>
      </c>
      <c r="B116" s="131">
        <v>629</v>
      </c>
      <c r="C116" s="132">
        <v>4.1600474398740452</v>
      </c>
      <c r="D116" s="133">
        <v>0.10082075825325236</v>
      </c>
      <c r="P116" s="238"/>
      <c r="Q116" s="238"/>
      <c r="R116" s="238"/>
      <c r="S116" s="238"/>
      <c r="T116" s="238"/>
      <c r="U116" s="238"/>
      <c r="V116" s="238"/>
      <c r="W116" s="238"/>
      <c r="X116" s="238"/>
      <c r="Y116" s="238"/>
      <c r="Z116" s="238"/>
      <c r="AA116" s="238"/>
      <c r="AB116" s="238"/>
      <c r="AC116" s="238"/>
      <c r="AD116" s="238"/>
    </row>
    <row r="117" spans="1:37">
      <c r="P117" s="238"/>
      <c r="Q117" s="238"/>
      <c r="R117" s="238"/>
      <c r="S117" s="238"/>
      <c r="T117" s="238"/>
      <c r="U117" s="238"/>
      <c r="V117" s="238"/>
      <c r="W117" s="238"/>
      <c r="X117" s="238"/>
      <c r="Y117" s="238"/>
      <c r="Z117" s="238"/>
      <c r="AA117" s="238"/>
      <c r="AB117" s="238"/>
      <c r="AC117" s="238"/>
      <c r="AD117" s="238"/>
    </row>
    <row r="118" spans="1:37">
      <c r="P118" s="238"/>
      <c r="Q118" s="238"/>
      <c r="R118" s="238"/>
      <c r="S118" s="238"/>
      <c r="T118" s="238"/>
      <c r="U118" s="238"/>
      <c r="V118" s="238"/>
      <c r="W118" s="238"/>
      <c r="X118" s="238"/>
      <c r="Y118" s="238"/>
      <c r="Z118" s="238"/>
      <c r="AA118" s="238"/>
      <c r="AB118" s="238"/>
      <c r="AC118" s="238"/>
      <c r="AD118" s="238"/>
    </row>
    <row r="119" spans="1:37" ht="18.75">
      <c r="A119" s="342" t="s">
        <v>36</v>
      </c>
      <c r="B119" s="342"/>
      <c r="C119" s="342"/>
      <c r="D119" s="342"/>
      <c r="E119" s="342"/>
      <c r="F119" s="342"/>
      <c r="G119" s="342"/>
      <c r="H119" s="342"/>
      <c r="I119" s="342"/>
      <c r="J119" s="342"/>
      <c r="K119" s="342"/>
      <c r="L119" s="342"/>
      <c r="M119" s="342"/>
      <c r="N119" s="342"/>
      <c r="O119" s="342"/>
      <c r="P119" s="342"/>
      <c r="Q119" s="342"/>
      <c r="R119" s="342"/>
      <c r="S119" s="342"/>
      <c r="T119" s="342"/>
      <c r="U119" s="342"/>
      <c r="V119" s="342"/>
      <c r="W119" s="342"/>
      <c r="X119" s="342"/>
      <c r="Y119" s="342"/>
      <c r="Z119" s="342"/>
      <c r="AA119" s="342"/>
      <c r="AB119" s="342"/>
      <c r="AC119" s="342"/>
      <c r="AD119" s="342"/>
      <c r="AE119" s="342"/>
      <c r="AF119" s="342"/>
      <c r="AG119" s="342"/>
      <c r="AH119" s="342"/>
      <c r="AI119" s="342"/>
      <c r="AJ119" s="342"/>
      <c r="AK119" s="342"/>
    </row>
    <row r="120" spans="1:37" ht="72" customHeight="1">
      <c r="A120" s="385" t="s">
        <v>590</v>
      </c>
      <c r="B120" s="385"/>
      <c r="C120" s="385"/>
      <c r="D120" s="385"/>
      <c r="E120" s="385"/>
      <c r="F120" s="385"/>
      <c r="G120" s="385"/>
      <c r="H120" s="385"/>
      <c r="I120" s="385"/>
      <c r="J120" s="385"/>
      <c r="K120" s="385"/>
      <c r="L120" s="385"/>
      <c r="M120" s="385"/>
      <c r="N120" s="385"/>
      <c r="O120" s="385"/>
      <c r="P120" s="385"/>
      <c r="Q120" s="385"/>
      <c r="R120" s="385"/>
      <c r="S120" s="385"/>
      <c r="T120" s="385"/>
      <c r="U120" s="385"/>
      <c r="V120" s="385"/>
      <c r="W120" s="385"/>
      <c r="X120" s="385"/>
      <c r="Y120" s="385"/>
      <c r="Z120" s="385"/>
      <c r="AA120" s="385"/>
      <c r="AB120" s="385"/>
      <c r="AC120" s="385"/>
      <c r="AD120" s="385"/>
      <c r="AE120" s="385"/>
      <c r="AF120" s="385"/>
      <c r="AG120" s="385"/>
      <c r="AH120" s="385"/>
      <c r="AI120" s="385"/>
      <c r="AJ120" s="385"/>
      <c r="AK120" s="385"/>
    </row>
    <row r="121" spans="1:37" ht="41.25" customHeight="1">
      <c r="A121" s="59"/>
      <c r="B121" s="381" t="s">
        <v>221</v>
      </c>
      <c r="C121" s="382"/>
      <c r="D121" s="382"/>
      <c r="E121" s="382"/>
      <c r="F121" s="382"/>
      <c r="G121" s="382"/>
      <c r="H121" s="382"/>
      <c r="I121" s="382"/>
      <c r="J121" s="383"/>
      <c r="K121" s="379" t="s">
        <v>381</v>
      </c>
      <c r="L121" s="380"/>
      <c r="M121" s="380"/>
      <c r="N121" s="380"/>
      <c r="O121" s="380"/>
      <c r="P121" s="380"/>
      <c r="Q121" s="380"/>
      <c r="R121" s="380"/>
      <c r="S121" s="380"/>
      <c r="T121" s="381" t="s">
        <v>193</v>
      </c>
      <c r="U121" s="382"/>
      <c r="V121" s="382"/>
      <c r="W121" s="382"/>
      <c r="X121" s="382"/>
      <c r="Y121" s="382"/>
      <c r="Z121" s="382"/>
      <c r="AA121" s="382"/>
      <c r="AB121" s="383"/>
      <c r="AC121" s="379" t="s">
        <v>382</v>
      </c>
      <c r="AD121" s="380"/>
      <c r="AE121" s="380"/>
      <c r="AF121" s="380"/>
      <c r="AG121" s="380"/>
      <c r="AH121" s="380"/>
      <c r="AI121" s="380"/>
      <c r="AJ121" s="380"/>
      <c r="AK121" s="380"/>
    </row>
    <row r="122" spans="1:37" ht="40.5" customHeight="1">
      <c r="A122" s="32" t="s">
        <v>71</v>
      </c>
      <c r="B122" s="33" t="s">
        <v>72</v>
      </c>
      <c r="C122" s="33" t="s">
        <v>156</v>
      </c>
      <c r="D122" s="84" t="s">
        <v>85</v>
      </c>
      <c r="E122" s="33" t="s">
        <v>157</v>
      </c>
      <c r="F122" s="84" t="s">
        <v>86</v>
      </c>
      <c r="G122" s="33" t="s">
        <v>158</v>
      </c>
      <c r="H122" s="84" t="s">
        <v>87</v>
      </c>
      <c r="I122" s="33" t="s">
        <v>301</v>
      </c>
      <c r="J122" s="84" t="s">
        <v>300</v>
      </c>
      <c r="K122" s="60" t="s">
        <v>72</v>
      </c>
      <c r="L122" s="60" t="s">
        <v>156</v>
      </c>
      <c r="M122" s="83" t="s">
        <v>85</v>
      </c>
      <c r="N122" s="60" t="s">
        <v>157</v>
      </c>
      <c r="O122" s="83" t="s">
        <v>86</v>
      </c>
      <c r="P122" s="60" t="s">
        <v>158</v>
      </c>
      <c r="Q122" s="83" t="s">
        <v>87</v>
      </c>
      <c r="R122" s="60" t="s">
        <v>301</v>
      </c>
      <c r="S122" s="83" t="s">
        <v>300</v>
      </c>
      <c r="T122" s="33" t="s">
        <v>72</v>
      </c>
      <c r="U122" s="33" t="s">
        <v>156</v>
      </c>
      <c r="V122" s="84" t="s">
        <v>85</v>
      </c>
      <c r="W122" s="33" t="s">
        <v>157</v>
      </c>
      <c r="X122" s="84" t="s">
        <v>86</v>
      </c>
      <c r="Y122" s="33" t="s">
        <v>158</v>
      </c>
      <c r="Z122" s="84" t="s">
        <v>87</v>
      </c>
      <c r="AA122" s="33" t="s">
        <v>301</v>
      </c>
      <c r="AB122" s="84" t="s">
        <v>300</v>
      </c>
      <c r="AC122" s="60" t="s">
        <v>72</v>
      </c>
      <c r="AD122" s="60" t="s">
        <v>156</v>
      </c>
      <c r="AE122" s="83" t="s">
        <v>85</v>
      </c>
      <c r="AF122" s="60" t="s">
        <v>157</v>
      </c>
      <c r="AG122" s="83" t="s">
        <v>86</v>
      </c>
      <c r="AH122" s="60" t="s">
        <v>158</v>
      </c>
      <c r="AI122" s="83" t="s">
        <v>87</v>
      </c>
      <c r="AJ122" s="60" t="s">
        <v>301</v>
      </c>
      <c r="AK122" s="83" t="s">
        <v>300</v>
      </c>
    </row>
    <row r="123" spans="1:37" ht="66" customHeight="1">
      <c r="A123" s="36"/>
      <c r="B123" s="37" t="s">
        <v>74</v>
      </c>
      <c r="C123" s="37" t="s">
        <v>159</v>
      </c>
      <c r="D123" s="86" t="s">
        <v>88</v>
      </c>
      <c r="E123" s="37" t="s">
        <v>160</v>
      </c>
      <c r="F123" s="86" t="s">
        <v>88</v>
      </c>
      <c r="G123" s="37" t="s">
        <v>161</v>
      </c>
      <c r="H123" s="86" t="s">
        <v>88</v>
      </c>
      <c r="I123" s="37" t="s">
        <v>301</v>
      </c>
      <c r="J123" s="86" t="s">
        <v>88</v>
      </c>
      <c r="K123" s="63" t="s">
        <v>74</v>
      </c>
      <c r="L123" s="63" t="s">
        <v>159</v>
      </c>
      <c r="M123" s="85" t="s">
        <v>88</v>
      </c>
      <c r="N123" s="63" t="s">
        <v>160</v>
      </c>
      <c r="O123" s="85" t="s">
        <v>88</v>
      </c>
      <c r="P123" s="63" t="s">
        <v>161</v>
      </c>
      <c r="Q123" s="85" t="s">
        <v>88</v>
      </c>
      <c r="R123" s="63" t="s">
        <v>301</v>
      </c>
      <c r="S123" s="85" t="s">
        <v>88</v>
      </c>
      <c r="T123" s="37" t="s">
        <v>74</v>
      </c>
      <c r="U123" s="37" t="s">
        <v>159</v>
      </c>
      <c r="V123" s="86" t="s">
        <v>88</v>
      </c>
      <c r="W123" s="37" t="s">
        <v>160</v>
      </c>
      <c r="X123" s="86" t="s">
        <v>88</v>
      </c>
      <c r="Y123" s="37" t="s">
        <v>161</v>
      </c>
      <c r="Z123" s="86" t="s">
        <v>88</v>
      </c>
      <c r="AA123" s="37" t="s">
        <v>301</v>
      </c>
      <c r="AB123" s="86" t="s">
        <v>88</v>
      </c>
      <c r="AC123" s="63" t="s">
        <v>74</v>
      </c>
      <c r="AD123" s="63" t="s">
        <v>159</v>
      </c>
      <c r="AE123" s="85" t="s">
        <v>88</v>
      </c>
      <c r="AF123" s="63" t="s">
        <v>160</v>
      </c>
      <c r="AG123" s="85" t="s">
        <v>88</v>
      </c>
      <c r="AH123" s="63" t="s">
        <v>161</v>
      </c>
      <c r="AI123" s="85" t="s">
        <v>88</v>
      </c>
      <c r="AJ123" s="63" t="s">
        <v>301</v>
      </c>
      <c r="AK123" s="85" t="s">
        <v>88</v>
      </c>
    </row>
    <row r="124" spans="1:37">
      <c r="A124" s="40" t="s">
        <v>350</v>
      </c>
      <c r="B124" s="134">
        <v>13965</v>
      </c>
      <c r="C124" s="135">
        <v>0.36644795766614507</v>
      </c>
      <c r="D124" s="89">
        <v>8.1536898892394533E-3</v>
      </c>
      <c r="E124" s="135">
        <v>0.23648040341275756</v>
      </c>
      <c r="F124" s="89">
        <v>7.191224160995411E-3</v>
      </c>
      <c r="G124" s="135">
        <v>0.38329741118132249</v>
      </c>
      <c r="H124" s="89">
        <v>8.2273567588273637E-3</v>
      </c>
      <c r="I124" s="135">
        <v>1.3774227739792673E-2</v>
      </c>
      <c r="J124" s="89">
        <v>1.9820855190901066E-3</v>
      </c>
      <c r="K124" s="134">
        <v>13880</v>
      </c>
      <c r="L124" s="135">
        <v>0.32062561491627489</v>
      </c>
      <c r="M124" s="89">
        <v>7.9221828736430119E-3</v>
      </c>
      <c r="N124" s="135">
        <v>0.2335049807445477</v>
      </c>
      <c r="O124" s="89">
        <v>7.1816638157436805E-3</v>
      </c>
      <c r="P124" s="135">
        <v>0.38589727124803358</v>
      </c>
      <c r="Q124" s="89">
        <v>8.2629653853185988E-3</v>
      </c>
      <c r="R124" s="135">
        <v>5.9972133091162609E-2</v>
      </c>
      <c r="S124" s="89">
        <v>4.0341036549552522E-3</v>
      </c>
      <c r="T124" s="134">
        <v>13922</v>
      </c>
      <c r="U124" s="135">
        <v>0.49368915731230545</v>
      </c>
      <c r="V124" s="89">
        <v>8.4732930857762939E-3</v>
      </c>
      <c r="W124" s="135">
        <v>0.19666974281796323</v>
      </c>
      <c r="X124" s="89">
        <v>6.7376005886321923E-3</v>
      </c>
      <c r="Y124" s="135">
        <v>0.21420187864334492</v>
      </c>
      <c r="Z124" s="89">
        <v>6.9541563128915091E-3</v>
      </c>
      <c r="AA124" s="135">
        <v>9.543922122640483E-2</v>
      </c>
      <c r="AB124" s="89">
        <v>4.9823639893224105E-3</v>
      </c>
      <c r="AC124" s="134">
        <v>13902</v>
      </c>
      <c r="AD124" s="135">
        <v>0.30993186866202399</v>
      </c>
      <c r="AE124" s="89">
        <v>7.8438464444957785E-3</v>
      </c>
      <c r="AF124" s="135">
        <v>0.25085781071638874</v>
      </c>
      <c r="AG124" s="89">
        <v>7.3530255757909366E-3</v>
      </c>
      <c r="AH124" s="135">
        <v>0.36624752792057691</v>
      </c>
      <c r="AI124" s="89">
        <v>8.1711972448100367E-3</v>
      </c>
      <c r="AJ124" s="135">
        <v>7.2962792701029858E-2</v>
      </c>
      <c r="AK124" s="89">
        <v>4.4143288466272764E-3</v>
      </c>
    </row>
    <row r="125" spans="1:37">
      <c r="A125" s="44" t="s">
        <v>351</v>
      </c>
      <c r="B125" s="136">
        <v>10219</v>
      </c>
      <c r="C125" s="137">
        <v>0.37425977793015447</v>
      </c>
      <c r="D125" s="92">
        <v>9.5727319604077283E-3</v>
      </c>
      <c r="E125" s="137">
        <v>0.23341807096192999</v>
      </c>
      <c r="F125" s="92">
        <v>8.3686384836117785E-3</v>
      </c>
      <c r="G125" s="137">
        <v>0.38310947720462957</v>
      </c>
      <c r="H125" s="92">
        <v>9.6164800316819662E-3</v>
      </c>
      <c r="I125" s="137">
        <v>9.2126739032861969E-3</v>
      </c>
      <c r="J125" s="92">
        <v>1.9092445910410185E-3</v>
      </c>
      <c r="K125" s="136">
        <v>10160</v>
      </c>
      <c r="L125" s="137">
        <v>0.3955655587075626</v>
      </c>
      <c r="M125" s="92">
        <v>9.700392325624042E-3</v>
      </c>
      <c r="N125" s="137">
        <v>0.24201743914323703</v>
      </c>
      <c r="O125" s="92">
        <v>8.4979191117963739E-3</v>
      </c>
      <c r="P125" s="137">
        <v>0.30657256229566193</v>
      </c>
      <c r="Q125" s="92">
        <v>9.1473414897307644E-3</v>
      </c>
      <c r="R125" s="137">
        <v>5.5844439853537209E-2</v>
      </c>
      <c r="S125" s="92">
        <v>4.5619217166565718E-3</v>
      </c>
      <c r="T125" s="136">
        <v>10190</v>
      </c>
      <c r="U125" s="137">
        <v>0.59206716223797629</v>
      </c>
      <c r="V125" s="92">
        <v>9.7351686821155105E-3</v>
      </c>
      <c r="W125" s="137">
        <v>0.16742939549663968</v>
      </c>
      <c r="X125" s="92">
        <v>7.3980832736661069E-3</v>
      </c>
      <c r="Y125" s="137">
        <v>0.16741015566277798</v>
      </c>
      <c r="Z125" s="92">
        <v>7.3977441462118208E-3</v>
      </c>
      <c r="AA125" s="137">
        <v>7.3093286602602531E-2</v>
      </c>
      <c r="AB125" s="92">
        <v>5.1614565408424152E-3</v>
      </c>
      <c r="AC125" s="136">
        <v>10170</v>
      </c>
      <c r="AD125" s="137">
        <v>0.36260903263568517</v>
      </c>
      <c r="AE125" s="92">
        <v>9.5327967279677656E-3</v>
      </c>
      <c r="AF125" s="137">
        <v>0.23904894787629591</v>
      </c>
      <c r="AG125" s="92">
        <v>8.458041366186669E-3</v>
      </c>
      <c r="AH125" s="137">
        <v>0.32679779631457401</v>
      </c>
      <c r="AI125" s="92">
        <v>9.3007876747110592E-3</v>
      </c>
      <c r="AJ125" s="137">
        <v>7.154422317344393E-2</v>
      </c>
      <c r="AK125" s="92">
        <v>5.1159147516388311E-3</v>
      </c>
    </row>
    <row r="126" spans="1:37">
      <c r="A126" s="40" t="s">
        <v>352</v>
      </c>
      <c r="B126" s="78">
        <v>3746</v>
      </c>
      <c r="C126" s="93">
        <v>0.3601543210122039</v>
      </c>
      <c r="D126" s="89">
        <v>1.5679621934904357E-2</v>
      </c>
      <c r="E126" s="93">
        <v>0.23894758866633725</v>
      </c>
      <c r="F126" s="89">
        <v>1.393305687139991E-2</v>
      </c>
      <c r="G126" s="93">
        <v>0.383448821239948</v>
      </c>
      <c r="H126" s="89">
        <v>1.5881050741124794E-2</v>
      </c>
      <c r="I126" s="93">
        <v>1.7449269081511242E-2</v>
      </c>
      <c r="J126" s="89">
        <v>4.3378993293283763E-3</v>
      </c>
      <c r="K126" s="78">
        <v>3720</v>
      </c>
      <c r="L126" s="93">
        <v>0.26012095205869695</v>
      </c>
      <c r="M126" s="89">
        <v>1.4382439062372796E-2</v>
      </c>
      <c r="N126" s="93">
        <v>0.22663223172118518</v>
      </c>
      <c r="O126" s="89">
        <v>1.372706617716388E-2</v>
      </c>
      <c r="P126" s="93">
        <v>0.44994208538352093</v>
      </c>
      <c r="Q126" s="89">
        <v>1.6304684417490233E-2</v>
      </c>
      <c r="R126" s="93">
        <v>6.3304730836596809E-2</v>
      </c>
      <c r="S126" s="89">
        <v>8.0082325271413016E-3</v>
      </c>
      <c r="T126" s="78">
        <v>3732</v>
      </c>
      <c r="U126" s="93">
        <v>0.41453265323534544</v>
      </c>
      <c r="V126" s="89">
        <v>1.6120231012975293E-2</v>
      </c>
      <c r="W126" s="93">
        <v>0.22019699033329698</v>
      </c>
      <c r="X126" s="89">
        <v>1.3565521463450985E-2</v>
      </c>
      <c r="Y126" s="93">
        <v>0.25185124156421401</v>
      </c>
      <c r="Z126" s="89">
        <v>1.4208375148641556E-2</v>
      </c>
      <c r="AA126" s="93">
        <v>0.11341911486714538</v>
      </c>
      <c r="AB126" s="89">
        <v>1.0392462377978003E-2</v>
      </c>
      <c r="AC126" s="78">
        <v>3732</v>
      </c>
      <c r="AD126" s="93">
        <v>0.26746387235264757</v>
      </c>
      <c r="AE126" s="89">
        <v>1.4487780994636582E-2</v>
      </c>
      <c r="AF126" s="93">
        <v>0.26037804122388397</v>
      </c>
      <c r="AG126" s="89">
        <v>1.4363892813970059E-2</v>
      </c>
      <c r="AH126" s="93">
        <v>0.39805165194453163</v>
      </c>
      <c r="AI126" s="89">
        <v>1.6017548534641241E-2</v>
      </c>
      <c r="AJ126" s="93">
        <v>7.4106434478937069E-2</v>
      </c>
      <c r="AK126" s="89">
        <v>8.5952820793282168E-3</v>
      </c>
    </row>
    <row r="127" spans="1:37">
      <c r="A127" s="44" t="s">
        <v>555</v>
      </c>
      <c r="B127" s="136">
        <v>3621</v>
      </c>
      <c r="C127" s="137">
        <v>0.38140258788590053</v>
      </c>
      <c r="D127" s="92">
        <v>1.6136168069760148E-2</v>
      </c>
      <c r="E127" s="137">
        <v>0.23302419805765223</v>
      </c>
      <c r="F127" s="92">
        <v>1.4049415580401832E-2</v>
      </c>
      <c r="G127" s="137">
        <v>0.37800467179044234</v>
      </c>
      <c r="H127" s="92">
        <v>1.6108253329617708E-2</v>
      </c>
      <c r="I127" s="137">
        <v>7.5685422660227552E-3</v>
      </c>
      <c r="J127" s="92">
        <v>2.9796758436142932E-3</v>
      </c>
      <c r="K127" s="136">
        <v>3599</v>
      </c>
      <c r="L127" s="137">
        <v>0.28748125639062966</v>
      </c>
      <c r="M127" s="92">
        <v>1.5083669296337206E-2</v>
      </c>
      <c r="N127" s="137">
        <v>0.22673262257183729</v>
      </c>
      <c r="O127" s="92">
        <v>1.3958053603369295E-2</v>
      </c>
      <c r="P127" s="137">
        <v>0.42834026587306973</v>
      </c>
      <c r="Q127" s="92">
        <v>1.6488123146096247E-2</v>
      </c>
      <c r="R127" s="137">
        <v>5.7445855164480551E-2</v>
      </c>
      <c r="S127" s="92">
        <v>7.7842441118984966E-3</v>
      </c>
      <c r="T127" s="136">
        <v>3614</v>
      </c>
      <c r="U127" s="137">
        <v>0.46336663494180236</v>
      </c>
      <c r="V127" s="92">
        <v>1.6580572403386486E-2</v>
      </c>
      <c r="W127" s="137">
        <v>0.20666710642089842</v>
      </c>
      <c r="X127" s="92">
        <v>1.3471340764160551E-2</v>
      </c>
      <c r="Y127" s="137">
        <v>0.23765012972578461</v>
      </c>
      <c r="Z127" s="92">
        <v>1.415872474262889E-2</v>
      </c>
      <c r="AA127" s="137">
        <v>9.2316128911528766E-2</v>
      </c>
      <c r="AB127" s="92">
        <v>9.6460962311068956E-3</v>
      </c>
      <c r="AC127" s="136">
        <v>3604</v>
      </c>
      <c r="AD127" s="137">
        <v>0.30133237145271691</v>
      </c>
      <c r="AE127" s="92">
        <v>1.5280766242073985E-2</v>
      </c>
      <c r="AF127" s="137">
        <v>0.24746904968816316</v>
      </c>
      <c r="AG127" s="92">
        <v>1.4374213246333136E-2</v>
      </c>
      <c r="AH127" s="137">
        <v>0.37345640479111891</v>
      </c>
      <c r="AI127" s="92">
        <v>1.6107393359551841E-2</v>
      </c>
      <c r="AJ127" s="137">
        <v>7.7742174068017769E-2</v>
      </c>
      <c r="AK127" s="92">
        <v>8.9401469178821327E-3</v>
      </c>
    </row>
    <row r="128" spans="1:37">
      <c r="A128" s="40" t="s">
        <v>556</v>
      </c>
      <c r="B128" s="78">
        <v>2968</v>
      </c>
      <c r="C128" s="93">
        <v>0.39121866334811101</v>
      </c>
      <c r="D128" s="89">
        <v>1.7905030321441962E-2</v>
      </c>
      <c r="E128" s="93">
        <v>0.22162223578564813</v>
      </c>
      <c r="F128" s="89">
        <v>1.5246484407179699E-2</v>
      </c>
      <c r="G128" s="93">
        <v>0.38151274350200981</v>
      </c>
      <c r="H128" s="89">
        <v>1.7822156250001706E-2</v>
      </c>
      <c r="I128" s="93">
        <v>5.6463573642272034E-3</v>
      </c>
      <c r="J128" s="89">
        <v>2.9053873577689349E-3</v>
      </c>
      <c r="K128" s="78">
        <v>2951</v>
      </c>
      <c r="L128" s="93">
        <v>0.39101699913141652</v>
      </c>
      <c r="M128" s="89">
        <v>1.7954815966940246E-2</v>
      </c>
      <c r="N128" s="93">
        <v>0.23618725125456258</v>
      </c>
      <c r="O128" s="89">
        <v>1.5635056484297194E-2</v>
      </c>
      <c r="P128" s="93">
        <v>0.32636810350578555</v>
      </c>
      <c r="Q128" s="89">
        <v>1.7254285259942194E-2</v>
      </c>
      <c r="R128" s="93">
        <v>4.6427646108230067E-2</v>
      </c>
      <c r="S128" s="89">
        <v>7.7898545616161274E-3</v>
      </c>
      <c r="T128" s="78">
        <v>2960</v>
      </c>
      <c r="U128" s="93">
        <v>0.59988318399860585</v>
      </c>
      <c r="V128" s="89">
        <v>1.7998735107609035E-2</v>
      </c>
      <c r="W128" s="93">
        <v>0.17857214020808873</v>
      </c>
      <c r="X128" s="89">
        <v>1.4082981279579722E-2</v>
      </c>
      <c r="Y128" s="93">
        <v>0.1504669039467684</v>
      </c>
      <c r="Z128" s="89">
        <v>1.3151055590238164E-2</v>
      </c>
      <c r="AA128" s="93">
        <v>7.1077771846534799E-2</v>
      </c>
      <c r="AB128" s="89">
        <v>9.4748722225499963E-3</v>
      </c>
      <c r="AC128" s="78">
        <v>2951</v>
      </c>
      <c r="AD128" s="93">
        <v>0.34071740690100216</v>
      </c>
      <c r="AE128" s="89">
        <v>1.7440163894650536E-2</v>
      </c>
      <c r="AF128" s="93">
        <v>0.24980379955968615</v>
      </c>
      <c r="AG128" s="89">
        <v>1.5934349959881407E-2</v>
      </c>
      <c r="AH128" s="93">
        <v>0.32159979382255371</v>
      </c>
      <c r="AI128" s="89">
        <v>1.7188493045915566E-2</v>
      </c>
      <c r="AJ128" s="93">
        <v>8.7878999716754058E-2</v>
      </c>
      <c r="AK128" s="89">
        <v>1.0446271119966254E-2</v>
      </c>
    </row>
    <row r="129" spans="1:37">
      <c r="A129" s="44" t="s">
        <v>536</v>
      </c>
      <c r="B129" s="136">
        <v>329</v>
      </c>
      <c r="C129" s="137">
        <v>0.27847132950590114</v>
      </c>
      <c r="D129" s="92">
        <v>4.9270588906699317E-2</v>
      </c>
      <c r="E129" s="137">
        <v>0.26343604517565372</v>
      </c>
      <c r="F129" s="92">
        <v>4.8444124662731916E-2</v>
      </c>
      <c r="G129" s="137">
        <v>0.45417696982861294</v>
      </c>
      <c r="H129" s="92">
        <v>5.4574564402066282E-2</v>
      </c>
      <c r="I129" s="137">
        <v>3.9156554898343845E-3</v>
      </c>
      <c r="J129" s="92">
        <v>1.0837105840538583E-2</v>
      </c>
      <c r="K129" s="136">
        <v>327</v>
      </c>
      <c r="L129" s="137">
        <v>0.363732876103876</v>
      </c>
      <c r="M129" s="92">
        <v>5.2935273735517548E-2</v>
      </c>
      <c r="N129" s="137">
        <v>0.23839328873804966</v>
      </c>
      <c r="O129" s="92">
        <v>4.7052843786073398E-2</v>
      </c>
      <c r="P129" s="137">
        <v>0.35689841376760123</v>
      </c>
      <c r="Q129" s="92">
        <v>5.272213928212223E-2</v>
      </c>
      <c r="R129" s="137">
        <v>4.0975421390474949E-2</v>
      </c>
      <c r="S129" s="92">
        <v>2.3152769640297062E-2</v>
      </c>
      <c r="T129" s="136">
        <v>328</v>
      </c>
      <c r="U129" s="137">
        <v>0.539794454629271</v>
      </c>
      <c r="V129" s="92">
        <v>5.4712207676136021E-2</v>
      </c>
      <c r="W129" s="137">
        <v>0.17826081936238158</v>
      </c>
      <c r="X129" s="92">
        <v>4.2364345832447324E-2</v>
      </c>
      <c r="Y129" s="137">
        <v>0.22908129441871344</v>
      </c>
      <c r="Z129" s="92">
        <v>4.6356528481610509E-2</v>
      </c>
      <c r="AA129" s="137">
        <v>5.2863431589636203E-2</v>
      </c>
      <c r="AB129" s="92">
        <v>2.5708627900625385E-2</v>
      </c>
      <c r="AC129" s="136">
        <v>328</v>
      </c>
      <c r="AD129" s="137">
        <v>0.3942379687809594</v>
      </c>
      <c r="AE129" s="92">
        <v>5.3670379725073936E-2</v>
      </c>
      <c r="AF129" s="137">
        <v>0.21317090400000238</v>
      </c>
      <c r="AG129" s="92">
        <v>4.5216954835542521E-2</v>
      </c>
      <c r="AH129" s="137">
        <v>0.30890409833861604</v>
      </c>
      <c r="AI129" s="92">
        <v>5.0819429773225851E-2</v>
      </c>
      <c r="AJ129" s="137">
        <v>8.3687028880424133E-2</v>
      </c>
      <c r="AK129" s="92">
        <v>3.120755480823512E-2</v>
      </c>
    </row>
    <row r="130" spans="1:37">
      <c r="A130" s="40" t="s">
        <v>537</v>
      </c>
      <c r="B130" s="78">
        <v>163</v>
      </c>
      <c r="C130" s="93">
        <v>0.29134809269426748</v>
      </c>
      <c r="D130" s="89">
        <v>7.0672550748707916E-2</v>
      </c>
      <c r="E130" s="93">
        <v>0.26089025890059908</v>
      </c>
      <c r="F130" s="89">
        <v>6.8435481203862419E-2</v>
      </c>
      <c r="G130" s="93">
        <v>0.44776164840513255</v>
      </c>
      <c r="H130" s="89">
        <v>7.6978932059558997E-2</v>
      </c>
      <c r="I130" s="93">
        <v>0</v>
      </c>
      <c r="J130" s="89">
        <v>1.6834966591550982E-2</v>
      </c>
      <c r="K130" s="78">
        <v>162</v>
      </c>
      <c r="L130" s="93">
        <v>0.28299573389957483</v>
      </c>
      <c r="M130" s="89">
        <v>7.0309341353856275E-2</v>
      </c>
      <c r="N130" s="93">
        <v>0.20753460268589494</v>
      </c>
      <c r="O130" s="89">
        <v>6.3726929373982305E-2</v>
      </c>
      <c r="P130" s="93">
        <v>0.47418903239508486</v>
      </c>
      <c r="Q130" s="89">
        <v>7.7516498584901894E-2</v>
      </c>
      <c r="R130" s="93">
        <v>3.5280631019444265E-2</v>
      </c>
      <c r="S130" s="89">
        <v>3.2678949289087426E-2</v>
      </c>
      <c r="T130" s="78">
        <v>161</v>
      </c>
      <c r="U130" s="93">
        <v>0.42199257060807333</v>
      </c>
      <c r="V130" s="89">
        <v>7.6942529163460782E-2</v>
      </c>
      <c r="W130" s="93">
        <v>0.22965395809735475</v>
      </c>
      <c r="X130" s="89">
        <v>6.6133689398530385E-2</v>
      </c>
      <c r="Y130" s="93">
        <v>0.302790071112019</v>
      </c>
      <c r="Z130" s="89">
        <v>7.1853562928338194E-2</v>
      </c>
      <c r="AA130" s="93">
        <v>4.5563400182551818E-2</v>
      </c>
      <c r="AB130" s="89">
        <v>3.5972630515653213E-2</v>
      </c>
      <c r="AC130" s="78">
        <v>161</v>
      </c>
      <c r="AD130" s="93">
        <v>0.3422810060322275</v>
      </c>
      <c r="AE130" s="89">
        <v>7.4070592715950692E-2</v>
      </c>
      <c r="AF130" s="93">
        <v>0.21198862721752687</v>
      </c>
      <c r="AG130" s="89">
        <v>6.4389448486764214E-2</v>
      </c>
      <c r="AH130" s="93">
        <v>0.36478930110965424</v>
      </c>
      <c r="AI130" s="89">
        <v>7.509084913115667E-2</v>
      </c>
      <c r="AJ130" s="93">
        <v>8.0941065640590573E-2</v>
      </c>
      <c r="AK130" s="89">
        <v>4.4802826570971899E-2</v>
      </c>
    </row>
    <row r="131" spans="1:37">
      <c r="A131" s="44" t="s">
        <v>538</v>
      </c>
      <c r="B131" s="136">
        <v>89</v>
      </c>
      <c r="C131" s="137">
        <v>0.29222359439822854</v>
      </c>
      <c r="D131" s="92">
        <v>9.5142844390718836E-2</v>
      </c>
      <c r="E131" s="137">
        <v>0.33798679035504425</v>
      </c>
      <c r="F131" s="92">
        <v>9.858375165968597E-2</v>
      </c>
      <c r="G131" s="137">
        <v>0.36978961524672677</v>
      </c>
      <c r="H131" s="92">
        <v>0.10042326837584176</v>
      </c>
      <c r="I131" s="137">
        <v>0</v>
      </c>
      <c r="J131" s="92">
        <v>3.0084393934100805E-2</v>
      </c>
      <c r="K131" s="136">
        <v>89</v>
      </c>
      <c r="L131" s="137">
        <v>0.60171174853993892</v>
      </c>
      <c r="M131" s="92">
        <v>0.10171127146174504</v>
      </c>
      <c r="N131" s="137">
        <v>0.26536630114431697</v>
      </c>
      <c r="O131" s="92">
        <v>9.2650557062115987E-2</v>
      </c>
      <c r="P131" s="137">
        <v>8.6781338929954363E-2</v>
      </c>
      <c r="Q131" s="92">
        <v>6.3456905046993028E-2</v>
      </c>
      <c r="R131" s="137">
        <v>4.614061138578926E-2</v>
      </c>
      <c r="S131" s="92">
        <v>5.1368380678741984E-2</v>
      </c>
      <c r="T131" s="136">
        <v>89</v>
      </c>
      <c r="U131" s="137">
        <v>0.86113278769527279</v>
      </c>
      <c r="V131" s="92">
        <v>7.493667733703667E-2</v>
      </c>
      <c r="W131" s="137">
        <v>5.5333422190608383E-2</v>
      </c>
      <c r="X131" s="92">
        <v>5.4443319094963957E-2</v>
      </c>
      <c r="Y131" s="137">
        <v>8.1769344175278993E-2</v>
      </c>
      <c r="Z131" s="92">
        <v>6.2150060823397676E-2</v>
      </c>
      <c r="AA131" s="137">
        <v>1.764445938839343E-3</v>
      </c>
      <c r="AB131" s="92">
        <v>3.121618938061857E-2</v>
      </c>
      <c r="AC131" s="136">
        <v>89</v>
      </c>
      <c r="AD131" s="137">
        <v>0.65585176494828967</v>
      </c>
      <c r="AE131" s="92">
        <v>9.8974252308605487E-2</v>
      </c>
      <c r="AF131" s="137">
        <v>0.17539727968272129</v>
      </c>
      <c r="AG131" s="92">
        <v>8.1254141244398365E-2</v>
      </c>
      <c r="AH131" s="137">
        <v>8.8866163265346382E-2</v>
      </c>
      <c r="AI131" s="92">
        <v>6.3988096133966929E-2</v>
      </c>
      <c r="AJ131" s="137">
        <v>7.9884792103642188E-2</v>
      </c>
      <c r="AK131" s="92">
        <v>6.1647358450282082E-2</v>
      </c>
    </row>
    <row r="132" spans="1:37">
      <c r="A132" s="40" t="s">
        <v>539</v>
      </c>
      <c r="B132" s="78">
        <v>244</v>
      </c>
      <c r="C132" s="93">
        <v>0.39989201121502349</v>
      </c>
      <c r="D132" s="89">
        <v>6.2255853621164849E-2</v>
      </c>
      <c r="E132" s="93">
        <v>0.21580138701362675</v>
      </c>
      <c r="F132" s="89">
        <v>5.2642369715637238E-2</v>
      </c>
      <c r="G132" s="93">
        <v>0.38430660177134762</v>
      </c>
      <c r="H132" s="89">
        <v>6.1832673342552706E-2</v>
      </c>
      <c r="I132" s="93">
        <v>0</v>
      </c>
      <c r="J132" s="89">
        <v>1.1358867296889074E-2</v>
      </c>
      <c r="K132" s="78">
        <v>243</v>
      </c>
      <c r="L132" s="93">
        <v>0.50908595060343964</v>
      </c>
      <c r="M132" s="89">
        <v>6.3618307359381829E-2</v>
      </c>
      <c r="N132" s="93">
        <v>0.18426593242625755</v>
      </c>
      <c r="O132" s="89">
        <v>4.986047186765534E-2</v>
      </c>
      <c r="P132" s="93">
        <v>0.29151100148570019</v>
      </c>
      <c r="Q132" s="89">
        <v>5.8028165343445084E-2</v>
      </c>
      <c r="R132" s="93">
        <v>1.5137115484600488E-2</v>
      </c>
      <c r="S132" s="89">
        <v>1.9071841663540503E-2</v>
      </c>
      <c r="T132" s="78">
        <v>244</v>
      </c>
      <c r="U132" s="93">
        <v>0.59612985908358196</v>
      </c>
      <c r="V132" s="89">
        <v>6.2353666285676665E-2</v>
      </c>
      <c r="W132" s="93">
        <v>0.18454027226181066</v>
      </c>
      <c r="X132" s="89">
        <v>4.9784929048550308E-2</v>
      </c>
      <c r="Y132" s="93">
        <v>0.16521204980492904</v>
      </c>
      <c r="Z132" s="89">
        <v>4.7773567099600255E-2</v>
      </c>
      <c r="AA132" s="93">
        <v>5.4117818849675904E-2</v>
      </c>
      <c r="AB132" s="89">
        <v>3.046696153402266E-2</v>
      </c>
      <c r="AC132" s="78">
        <v>245</v>
      </c>
      <c r="AD132" s="93">
        <v>0.46590866824042687</v>
      </c>
      <c r="AE132" s="89">
        <v>6.3229653653052484E-2</v>
      </c>
      <c r="AF132" s="93">
        <v>0.1979599413667571</v>
      </c>
      <c r="AG132" s="89">
        <v>5.0963296818936708E-2</v>
      </c>
      <c r="AH132" s="93">
        <v>0.30951382505626057</v>
      </c>
      <c r="AI132" s="89">
        <v>5.8751595520830827E-2</v>
      </c>
      <c r="AJ132" s="93">
        <v>2.6617565336553177E-2</v>
      </c>
      <c r="AK132" s="89">
        <v>2.3042112709985678E-2</v>
      </c>
    </row>
    <row r="133" spans="1:37">
      <c r="A133" s="44" t="s">
        <v>540</v>
      </c>
      <c r="B133" s="136">
        <v>82</v>
      </c>
      <c r="C133" s="137">
        <v>0.41060728180738232</v>
      </c>
      <c r="D133" s="92">
        <v>0.10625441361337878</v>
      </c>
      <c r="E133" s="137">
        <v>0.26339999898317462</v>
      </c>
      <c r="F133" s="92">
        <v>9.623293884319864E-2</v>
      </c>
      <c r="G133" s="137">
        <v>0.32599271920944306</v>
      </c>
      <c r="H133" s="92">
        <v>0.10172296429975085</v>
      </c>
      <c r="I133" s="137">
        <v>0</v>
      </c>
      <c r="J133" s="92">
        <v>3.2504011252172456E-2</v>
      </c>
      <c r="K133" s="136">
        <v>81</v>
      </c>
      <c r="L133" s="137">
        <v>0.72799977855044629</v>
      </c>
      <c r="M133" s="92">
        <v>9.7689443872706824E-2</v>
      </c>
      <c r="N133" s="137">
        <v>0.14419529648711318</v>
      </c>
      <c r="O133" s="92">
        <v>7.9716459386541233E-2</v>
      </c>
      <c r="P133" s="137">
        <v>0.10662568290807056</v>
      </c>
      <c r="Q133" s="92">
        <v>7.1776792161062766E-2</v>
      </c>
      <c r="R133" s="137">
        <v>2.1179242054369812E-2</v>
      </c>
      <c r="S133" s="92">
        <v>4.4352197952878349E-2</v>
      </c>
      <c r="T133" s="136">
        <v>82</v>
      </c>
      <c r="U133" s="137">
        <v>0.67173127189074677</v>
      </c>
      <c r="V133" s="92">
        <v>0.10188638850607434</v>
      </c>
      <c r="W133" s="137">
        <v>0.18577442059844806</v>
      </c>
      <c r="X133" s="92">
        <v>8.6329166306395408E-2</v>
      </c>
      <c r="Y133" s="137">
        <v>0.10769182052805626</v>
      </c>
      <c r="Z133" s="92">
        <v>7.1553575070695694E-2</v>
      </c>
      <c r="AA133" s="137">
        <v>3.4802486982748862E-2</v>
      </c>
      <c r="AB133" s="92">
        <v>4.9768839766609604E-2</v>
      </c>
      <c r="AC133" s="136">
        <v>82</v>
      </c>
      <c r="AD133" s="137">
        <v>0.63502618105076825</v>
      </c>
      <c r="AE133" s="92">
        <v>0.10419670460606756</v>
      </c>
      <c r="AF133" s="137">
        <v>0.21296183824707479</v>
      </c>
      <c r="AG133" s="92">
        <v>9.0243887947589391E-2</v>
      </c>
      <c r="AH133" s="137">
        <v>0.15201198070215699</v>
      </c>
      <c r="AI133" s="92">
        <v>8.0667875242471529E-2</v>
      </c>
      <c r="AJ133" s="137">
        <v>0</v>
      </c>
      <c r="AK133" s="92">
        <v>3.2504011252172456E-2</v>
      </c>
    </row>
    <row r="134" spans="1:37">
      <c r="A134" s="40" t="s">
        <v>541</v>
      </c>
      <c r="B134" s="134">
        <v>91</v>
      </c>
      <c r="C134" s="135">
        <v>0.53084025272769486</v>
      </c>
      <c r="D134" s="89">
        <v>0.10241860172928514</v>
      </c>
      <c r="E134" s="135">
        <v>0.20302393998927004</v>
      </c>
      <c r="F134" s="89">
        <v>8.4374052445430836E-2</v>
      </c>
      <c r="G134" s="135">
        <v>0.26613580728303526</v>
      </c>
      <c r="H134" s="89">
        <v>9.1724130684264216E-2</v>
      </c>
      <c r="I134" s="135">
        <v>0</v>
      </c>
      <c r="J134" s="89">
        <v>2.9457850911392545E-2</v>
      </c>
      <c r="K134" s="134">
        <v>91</v>
      </c>
      <c r="L134" s="135">
        <v>0.38535312967900415</v>
      </c>
      <c r="M134" s="89">
        <v>0.10009251469132593</v>
      </c>
      <c r="N134" s="135">
        <v>0.17589094282724824</v>
      </c>
      <c r="O134" s="89">
        <v>8.0423385707457704E-2</v>
      </c>
      <c r="P134" s="135">
        <v>0.4170099484670422</v>
      </c>
      <c r="Q134" s="89">
        <v>0.10129278632674235</v>
      </c>
      <c r="R134" s="135">
        <v>2.174597902670564E-2</v>
      </c>
      <c r="S134" s="89">
        <v>4.1105156827586503E-2</v>
      </c>
      <c r="T134" s="134">
        <v>92</v>
      </c>
      <c r="U134" s="135">
        <v>0.60470957508910284</v>
      </c>
      <c r="V134" s="89">
        <v>9.9985529075930848E-2</v>
      </c>
      <c r="W134" s="135">
        <v>0.19259841073507353</v>
      </c>
      <c r="X134" s="89">
        <v>8.2465864800529046E-2</v>
      </c>
      <c r="Y134" s="135">
        <v>0.16552424745657809</v>
      </c>
      <c r="Z134" s="89">
        <v>7.8330118986074476E-2</v>
      </c>
      <c r="AA134" s="135">
        <v>3.7167766719245467E-2</v>
      </c>
      <c r="AB134" s="89">
        <v>4.7110492803847923E-2</v>
      </c>
      <c r="AC134" s="134">
        <v>92</v>
      </c>
      <c r="AD134" s="135">
        <v>0.35959431412867815</v>
      </c>
      <c r="AE134" s="89">
        <v>9.8296920762887319E-2</v>
      </c>
      <c r="AF134" s="135">
        <v>0.17363163997249331</v>
      </c>
      <c r="AG134" s="89">
        <v>7.9628075110366917E-2</v>
      </c>
      <c r="AH134" s="135">
        <v>0.42576845240505845</v>
      </c>
      <c r="AI134" s="89">
        <v>0.10102378110378446</v>
      </c>
      <c r="AJ134" s="135">
        <v>4.1005593493770302E-2</v>
      </c>
      <c r="AK134" s="89">
        <v>4.8526066958003863E-2</v>
      </c>
    </row>
    <row r="135" spans="1:37">
      <c r="A135" s="44" t="s">
        <v>542</v>
      </c>
      <c r="B135" s="136">
        <v>71</v>
      </c>
      <c r="C135" s="137">
        <v>0.2403060740943706</v>
      </c>
      <c r="D135" s="92">
        <v>0.10054808006891715</v>
      </c>
      <c r="E135" s="137">
        <v>0.18040436043003572</v>
      </c>
      <c r="F135" s="92">
        <v>9.19313284217812E-2</v>
      </c>
      <c r="G135" s="137">
        <v>0.57928956547559318</v>
      </c>
      <c r="H135" s="92">
        <v>0.11416149450252908</v>
      </c>
      <c r="I135" s="137">
        <v>0</v>
      </c>
      <c r="J135" s="92">
        <v>3.7206132509255738E-2</v>
      </c>
      <c r="K135" s="136">
        <v>71</v>
      </c>
      <c r="L135" s="137">
        <v>0.42026845751827968</v>
      </c>
      <c r="M135" s="92">
        <v>0.11414678067380625</v>
      </c>
      <c r="N135" s="137">
        <v>0.23568690832438655</v>
      </c>
      <c r="O135" s="92">
        <v>9.9971130885515555E-2</v>
      </c>
      <c r="P135" s="137">
        <v>0.34272059212833567</v>
      </c>
      <c r="Q135" s="92">
        <v>0.11023161522700706</v>
      </c>
      <c r="R135" s="137">
        <v>1.3240420289976967E-3</v>
      </c>
      <c r="S135" s="92">
        <v>3.8045980266627352E-2</v>
      </c>
      <c r="T135" s="136">
        <v>70</v>
      </c>
      <c r="U135" s="137">
        <v>0.50705554128725094</v>
      </c>
      <c r="V135" s="92">
        <v>0.11623728191499835</v>
      </c>
      <c r="W135" s="137">
        <v>0.17409118469400198</v>
      </c>
      <c r="X135" s="92">
        <v>9.1520479808487973E-2</v>
      </c>
      <c r="Y135" s="137">
        <v>0.22521270477054528</v>
      </c>
      <c r="Z135" s="92">
        <v>9.9304160963475677E-2</v>
      </c>
      <c r="AA135" s="137">
        <v>9.3640569248201508E-2</v>
      </c>
      <c r="AB135" s="92">
        <v>7.4340782020861196E-2</v>
      </c>
      <c r="AC135" s="136">
        <v>71</v>
      </c>
      <c r="AD135" s="137">
        <v>0.40931055533171701</v>
      </c>
      <c r="AE135" s="92">
        <v>0.11375513311622677</v>
      </c>
      <c r="AF135" s="137">
        <v>0.20983877185838426</v>
      </c>
      <c r="AG135" s="92">
        <v>9.6484229295952323E-2</v>
      </c>
      <c r="AH135" s="137">
        <v>0.34266507086656345</v>
      </c>
      <c r="AI135" s="92">
        <v>0.11022782816837616</v>
      </c>
      <c r="AJ135" s="137">
        <v>3.8185601943335021E-2</v>
      </c>
      <c r="AK135" s="92">
        <v>5.6033271358079097E-2</v>
      </c>
    </row>
    <row r="136" spans="1:37">
      <c r="A136" s="40" t="s">
        <v>543</v>
      </c>
      <c r="B136" s="78">
        <v>478</v>
      </c>
      <c r="C136" s="93">
        <v>0.40290937902359625</v>
      </c>
      <c r="D136" s="89">
        <v>4.4696228736075753E-2</v>
      </c>
      <c r="E136" s="93">
        <v>0.22586813149548704</v>
      </c>
      <c r="F136" s="89">
        <v>3.8227731850881692E-2</v>
      </c>
      <c r="G136" s="93">
        <v>0.3672255439917349</v>
      </c>
      <c r="H136" s="89">
        <v>4.3940957006872193E-2</v>
      </c>
      <c r="I136" s="93">
        <v>3.9969454891837291E-3</v>
      </c>
      <c r="J136" s="89">
        <v>8.1720757974714561E-3</v>
      </c>
      <c r="K136" s="78">
        <v>476</v>
      </c>
      <c r="L136" s="93">
        <v>0.34763160964139805</v>
      </c>
      <c r="M136" s="89">
        <v>4.3509500574415216E-2</v>
      </c>
      <c r="N136" s="93">
        <v>0.26493475487170909</v>
      </c>
      <c r="O136" s="89">
        <v>4.0379596865038343E-2</v>
      </c>
      <c r="P136" s="93">
        <v>0.33365883386856671</v>
      </c>
      <c r="Q136" s="89">
        <v>4.308807369384688E-2</v>
      </c>
      <c r="R136" s="93">
        <v>5.3774801618327255E-2</v>
      </c>
      <c r="S136" s="89">
        <v>2.1250070632430576E-2</v>
      </c>
      <c r="T136" s="78">
        <v>475</v>
      </c>
      <c r="U136" s="93">
        <v>0.54861640154810731</v>
      </c>
      <c r="V136" s="89">
        <v>4.547827538836581E-2</v>
      </c>
      <c r="W136" s="93">
        <v>0.19167086812462006</v>
      </c>
      <c r="X136" s="89">
        <v>3.6152573040706813E-2</v>
      </c>
      <c r="Y136" s="93">
        <v>0.15573168900845202</v>
      </c>
      <c r="Z136" s="89">
        <v>3.338277197912809E-2</v>
      </c>
      <c r="AA136" s="93">
        <v>0.10398104131882219</v>
      </c>
      <c r="AB136" s="89">
        <v>2.8280928154791284E-2</v>
      </c>
      <c r="AC136" s="78">
        <v>476</v>
      </c>
      <c r="AD136" s="93">
        <v>0.34917943716069494</v>
      </c>
      <c r="AE136" s="89">
        <v>4.3553673038683953E-2</v>
      </c>
      <c r="AF136" s="93">
        <v>0.24312230288109429</v>
      </c>
      <c r="AG136" s="89">
        <v>3.9275632345771257E-2</v>
      </c>
      <c r="AH136" s="93">
        <v>0.3272718328858864</v>
      </c>
      <c r="AI136" s="89">
        <v>4.2881635418285068E-2</v>
      </c>
      <c r="AJ136" s="93">
        <v>8.0426427072325529E-2</v>
      </c>
      <c r="AK136" s="89">
        <v>2.5311365170387578E-2</v>
      </c>
    </row>
    <row r="137" spans="1:37">
      <c r="A137" s="44" t="s">
        <v>616</v>
      </c>
      <c r="B137" s="136">
        <v>247</v>
      </c>
      <c r="C137" s="137">
        <v>0.41358442244847377</v>
      </c>
      <c r="D137" s="92">
        <v>6.2199840413590425E-2</v>
      </c>
      <c r="E137" s="137">
        <v>0.20816108845981637</v>
      </c>
      <c r="F137" s="92">
        <v>5.1669035581511827E-2</v>
      </c>
      <c r="G137" s="137">
        <v>0.3779724709040358</v>
      </c>
      <c r="H137" s="92">
        <v>6.127205416253536E-2</v>
      </c>
      <c r="I137" s="137">
        <v>2.8201818767150224E-4</v>
      </c>
      <c r="J137" s="92">
        <v>1.141583481060709E-2</v>
      </c>
      <c r="K137" s="136">
        <v>245</v>
      </c>
      <c r="L137" s="137">
        <v>0.42582545919273329</v>
      </c>
      <c r="M137" s="92">
        <v>6.2693681823339384E-2</v>
      </c>
      <c r="N137" s="137">
        <v>0.23797070534110834</v>
      </c>
      <c r="O137" s="92">
        <v>5.4297833044709906E-2</v>
      </c>
      <c r="P137" s="137">
        <v>0.26970707156993667</v>
      </c>
      <c r="Q137" s="92">
        <v>5.6491163797247869E-2</v>
      </c>
      <c r="R137" s="137">
        <v>6.6496763896219127E-2</v>
      </c>
      <c r="S137" s="92">
        <v>3.3066611868836561E-2</v>
      </c>
      <c r="T137" s="136">
        <v>245</v>
      </c>
      <c r="U137" s="137">
        <v>0.63121973841943058</v>
      </c>
      <c r="V137" s="92">
        <v>6.1223160889329435E-2</v>
      </c>
      <c r="W137" s="137">
        <v>0.17025992830989195</v>
      </c>
      <c r="X137" s="92">
        <v>4.8219163685486913E-2</v>
      </c>
      <c r="Y137" s="137">
        <v>0.1322413854399434</v>
      </c>
      <c r="Z137" s="92">
        <v>4.3734130202846784E-2</v>
      </c>
      <c r="AA137" s="137">
        <v>6.627894783073178E-2</v>
      </c>
      <c r="AB137" s="92">
        <v>3.3022160229974479E-2</v>
      </c>
      <c r="AC137" s="136">
        <v>245</v>
      </c>
      <c r="AD137" s="137">
        <v>0.43687158029872775</v>
      </c>
      <c r="AE137" s="92">
        <v>6.2881518303611481E-2</v>
      </c>
      <c r="AF137" s="137">
        <v>0.24811230996338779</v>
      </c>
      <c r="AG137" s="92">
        <v>5.5039188565121508E-2</v>
      </c>
      <c r="AH137" s="137">
        <v>0.24940075410121548</v>
      </c>
      <c r="AI137" s="92">
        <v>5.5130583480891525E-2</v>
      </c>
      <c r="AJ137" s="137">
        <v>6.5615355636666081E-2</v>
      </c>
      <c r="AK137" s="92">
        <v>3.2886226475451766E-2</v>
      </c>
    </row>
    <row r="138" spans="1:37">
      <c r="A138" s="52" t="s">
        <v>544</v>
      </c>
      <c r="B138" s="134">
        <v>231</v>
      </c>
      <c r="C138" s="135">
        <v>0.39325287556290156</v>
      </c>
      <c r="D138" s="89">
        <v>6.3780162750599084E-2</v>
      </c>
      <c r="E138" s="135">
        <v>0.2418856890404123</v>
      </c>
      <c r="F138" s="89">
        <v>5.6210200807096281E-2</v>
      </c>
      <c r="G138" s="135">
        <v>0.35750401567657897</v>
      </c>
      <c r="H138" s="89">
        <v>6.2620810790552928E-2</v>
      </c>
      <c r="I138" s="135">
        <v>7.3574197201052684E-3</v>
      </c>
      <c r="J138" s="89">
        <v>1.6240212131590867E-2</v>
      </c>
      <c r="K138" s="134">
        <v>231</v>
      </c>
      <c r="L138" s="135">
        <v>0.27728232594043684</v>
      </c>
      <c r="M138" s="89">
        <v>5.864731728958926E-2</v>
      </c>
      <c r="N138" s="135">
        <v>0.28919371617159362</v>
      </c>
      <c r="O138" s="89">
        <v>5.9366967310041194E-2</v>
      </c>
      <c r="P138" s="135">
        <v>0.3911948254451012</v>
      </c>
      <c r="Q138" s="89">
        <v>6.3722940067628547E-2</v>
      </c>
      <c r="R138" s="135">
        <v>4.2329132442866506E-2</v>
      </c>
      <c r="S138" s="89">
        <v>2.8466429098729793E-2</v>
      </c>
      <c r="T138" s="134">
        <v>230</v>
      </c>
      <c r="U138" s="135">
        <v>0.47409460734931991</v>
      </c>
      <c r="V138" s="89">
        <v>6.5287223100726044E-2</v>
      </c>
      <c r="W138" s="135">
        <v>0.21098705692412525</v>
      </c>
      <c r="X138" s="89">
        <v>5.3796512108972322E-2</v>
      </c>
      <c r="Y138" s="135">
        <v>0.17692380587082776</v>
      </c>
      <c r="Z138" s="89">
        <v>5.0494945046774098E-2</v>
      </c>
      <c r="AA138" s="135">
        <v>0.13799452985572525</v>
      </c>
      <c r="AB138" s="89">
        <v>4.5927110369309986E-2</v>
      </c>
      <c r="AC138" s="134">
        <v>231</v>
      </c>
      <c r="AD138" s="135">
        <v>0.27025419803908413</v>
      </c>
      <c r="AE138" s="89">
        <v>5.8199721660332208E-2</v>
      </c>
      <c r="AF138" s="135">
        <v>0.2386311650425684</v>
      </c>
      <c r="AG138" s="89">
        <v>5.5962314323564084E-2</v>
      </c>
      <c r="AH138" s="135">
        <v>0.3973578553481652</v>
      </c>
      <c r="AI138" s="89">
        <v>6.3890889708801024E-2</v>
      </c>
      <c r="AJ138" s="135">
        <v>9.3756781570180345E-2</v>
      </c>
      <c r="AK138" s="89">
        <v>3.9256233398503503E-2</v>
      </c>
    </row>
    <row r="139" spans="1:37">
      <c r="A139" s="44" t="s">
        <v>545</v>
      </c>
      <c r="B139" s="136">
        <v>112</v>
      </c>
      <c r="C139" s="137">
        <v>0.42463345870799862</v>
      </c>
      <c r="D139" s="92">
        <v>9.1859124255096611E-2</v>
      </c>
      <c r="E139" s="137">
        <v>0.19415100373863556</v>
      </c>
      <c r="F139" s="92">
        <v>7.4924432230889015E-2</v>
      </c>
      <c r="G139" s="137">
        <v>0.36645497089238527</v>
      </c>
      <c r="H139" s="92">
        <v>8.9707276672628206E-2</v>
      </c>
      <c r="I139" s="137">
        <v>1.4760566660980124E-2</v>
      </c>
      <c r="J139" s="92">
        <v>3.2430910291070238E-2</v>
      </c>
      <c r="K139" s="136">
        <v>112</v>
      </c>
      <c r="L139" s="137">
        <v>0.40507669696059717</v>
      </c>
      <c r="M139" s="92">
        <v>9.1274550177383285E-2</v>
      </c>
      <c r="N139" s="137">
        <v>0.18462257253398723</v>
      </c>
      <c r="O139" s="92">
        <v>7.3643672070429392E-2</v>
      </c>
      <c r="P139" s="137">
        <v>0.36204120792723443</v>
      </c>
      <c r="Q139" s="92">
        <v>8.9492310553218712E-2</v>
      </c>
      <c r="R139" s="137">
        <v>4.8259522578180718E-2</v>
      </c>
      <c r="S139" s="92">
        <v>4.5395444813967553E-2</v>
      </c>
      <c r="T139" s="136">
        <v>111</v>
      </c>
      <c r="U139" s="137">
        <v>0.62784956874157083</v>
      </c>
      <c r="V139" s="92">
        <v>9.0365786445048057E-2</v>
      </c>
      <c r="W139" s="137">
        <v>0.12158524864414827</v>
      </c>
      <c r="X139" s="92">
        <v>6.3681438665144474E-2</v>
      </c>
      <c r="Y139" s="137">
        <v>0.14749343203053328</v>
      </c>
      <c r="Z139" s="92">
        <v>6.8329895469188398E-2</v>
      </c>
      <c r="AA139" s="137">
        <v>0.10307175058374725</v>
      </c>
      <c r="AB139" s="92">
        <v>5.9918058607759193E-2</v>
      </c>
      <c r="AC139" s="136">
        <v>112</v>
      </c>
      <c r="AD139" s="137">
        <v>0.40543441358879628</v>
      </c>
      <c r="AE139" s="92">
        <v>9.1286485574044549E-2</v>
      </c>
      <c r="AF139" s="137">
        <v>0.21799939475167884</v>
      </c>
      <c r="AG139" s="92">
        <v>7.7873800806703489E-2</v>
      </c>
      <c r="AH139" s="137">
        <v>0.30281212814399266</v>
      </c>
      <c r="AI139" s="92">
        <v>8.5853182417473792E-2</v>
      </c>
      <c r="AJ139" s="137">
        <v>7.3754063515531834E-2</v>
      </c>
      <c r="AK139" s="92">
        <v>5.27284545648369E-2</v>
      </c>
    </row>
    <row r="140" spans="1:37">
      <c r="A140" s="52" t="s">
        <v>546</v>
      </c>
      <c r="B140" s="134">
        <v>289</v>
      </c>
      <c r="C140" s="135">
        <v>0.39975898518587111</v>
      </c>
      <c r="D140" s="89">
        <v>5.7267019792111767E-2</v>
      </c>
      <c r="E140" s="135">
        <v>0.17296685218243216</v>
      </c>
      <c r="F140" s="89">
        <v>4.4637262706826691E-2</v>
      </c>
      <c r="G140" s="135">
        <v>0.42130178345965846</v>
      </c>
      <c r="H140" s="89">
        <v>5.7712307528540535E-2</v>
      </c>
      <c r="I140" s="135">
        <v>5.9723791720409768E-3</v>
      </c>
      <c r="J140" s="89">
        <v>1.3091991126088031E-2</v>
      </c>
      <c r="K140" s="134">
        <v>286</v>
      </c>
      <c r="L140" s="135">
        <v>0.48959839036798797</v>
      </c>
      <c r="M140" s="89">
        <v>5.8709662082217298E-2</v>
      </c>
      <c r="N140" s="135">
        <v>0.25355875266166272</v>
      </c>
      <c r="O140" s="89">
        <v>5.1317881293014907E-2</v>
      </c>
      <c r="P140" s="135">
        <v>0.23191858383548097</v>
      </c>
      <c r="Q140" s="89">
        <v>4.9841298102905558E-2</v>
      </c>
      <c r="R140" s="135">
        <v>2.4924273134871191E-2</v>
      </c>
      <c r="S140" s="89">
        <v>2.0506092491471183E-2</v>
      </c>
      <c r="T140" s="134">
        <v>287</v>
      </c>
      <c r="U140" s="135">
        <v>0.67541302214213739</v>
      </c>
      <c r="V140" s="89">
        <v>5.5000201321705161E-2</v>
      </c>
      <c r="W140" s="135">
        <v>0.13380567780402619</v>
      </c>
      <c r="X140" s="89">
        <v>4.053981657722687E-2</v>
      </c>
      <c r="Y140" s="135">
        <v>0.14431570211161454</v>
      </c>
      <c r="Z140" s="89">
        <v>4.1772210143995424E-2</v>
      </c>
      <c r="AA140" s="135">
        <v>4.6465597942223651E-2</v>
      </c>
      <c r="AB140" s="89">
        <v>2.6195795780476056E-2</v>
      </c>
      <c r="AC140" s="134">
        <v>284</v>
      </c>
      <c r="AD140" s="135">
        <v>0.51561026719902614</v>
      </c>
      <c r="AE140" s="89">
        <v>5.8897632645888737E-2</v>
      </c>
      <c r="AF140" s="135">
        <v>0.22780533970223948</v>
      </c>
      <c r="AG140" s="89">
        <v>4.9714997256989253E-2</v>
      </c>
      <c r="AH140" s="135">
        <v>0.23269411648954288</v>
      </c>
      <c r="AI140" s="89">
        <v>5.0071971984888365E-2</v>
      </c>
      <c r="AJ140" s="135">
        <v>2.3890276609194516E-2</v>
      </c>
      <c r="AK140" s="89">
        <v>2.0266448750465516E-2</v>
      </c>
    </row>
    <row r="141" spans="1:37">
      <c r="A141" s="44" t="s">
        <v>557</v>
      </c>
      <c r="B141" s="136">
        <v>112</v>
      </c>
      <c r="C141" s="137">
        <v>0.40340278466022339</v>
      </c>
      <c r="D141" s="92">
        <v>9.1218079272164437E-2</v>
      </c>
      <c r="E141" s="137">
        <v>0.1360855895979283</v>
      </c>
      <c r="F141" s="92">
        <v>6.6056973500454877E-2</v>
      </c>
      <c r="G141" s="137">
        <v>0.46051162574184912</v>
      </c>
      <c r="H141" s="92">
        <v>9.2577340319034265E-2</v>
      </c>
      <c r="I141" s="137">
        <v>0</v>
      </c>
      <c r="J141" s="92">
        <v>2.4171880321350918E-2</v>
      </c>
      <c r="K141" s="136">
        <v>111</v>
      </c>
      <c r="L141" s="137">
        <v>0.51715903857527146</v>
      </c>
      <c r="M141" s="92">
        <v>9.319930834786741E-2</v>
      </c>
      <c r="N141" s="137">
        <v>0.23906714898088322</v>
      </c>
      <c r="O141" s="92">
        <v>8.055634570174755E-2</v>
      </c>
      <c r="P141" s="137">
        <v>0.22786527097374773</v>
      </c>
      <c r="Q141" s="92">
        <v>7.9346221067256029E-2</v>
      </c>
      <c r="R141" s="137">
        <v>1.5908541470098542E-2</v>
      </c>
      <c r="S141" s="92">
        <v>3.3192021901177683E-2</v>
      </c>
      <c r="T141" s="136">
        <v>112</v>
      </c>
      <c r="U141" s="137">
        <v>0.65165315195896478</v>
      </c>
      <c r="V141" s="92">
        <v>8.8777150375697222E-2</v>
      </c>
      <c r="W141" s="137">
        <v>0.18685037775590491</v>
      </c>
      <c r="X141" s="92">
        <v>7.3948643750608736E-2</v>
      </c>
      <c r="Y141" s="137">
        <v>0.13397244956340423</v>
      </c>
      <c r="Z141" s="92">
        <v>6.5680591327138202E-2</v>
      </c>
      <c r="AA141" s="137">
        <v>2.7524020721726571E-2</v>
      </c>
      <c r="AB141" s="92">
        <v>3.8009267511268194E-2</v>
      </c>
      <c r="AC141" s="136">
        <v>111</v>
      </c>
      <c r="AD141" s="137">
        <v>0.43431065540686953</v>
      </c>
      <c r="AE141" s="92">
        <v>9.2497684042565587E-2</v>
      </c>
      <c r="AF141" s="137">
        <v>0.24386111635379618</v>
      </c>
      <c r="AG141" s="92">
        <v>8.1053385075094755E-2</v>
      </c>
      <c r="AH141" s="137">
        <v>0.28055880581290277</v>
      </c>
      <c r="AI141" s="92">
        <v>8.447014961184901E-2</v>
      </c>
      <c r="AJ141" s="137">
        <v>4.1269422426432244E-2</v>
      </c>
      <c r="AK141" s="92">
        <v>4.3319053840175079E-2</v>
      </c>
    </row>
    <row r="142" spans="1:37">
      <c r="A142" s="52" t="s">
        <v>558</v>
      </c>
      <c r="B142" s="134">
        <v>113</v>
      </c>
      <c r="C142" s="135">
        <v>0.39849474641899918</v>
      </c>
      <c r="D142" s="89">
        <v>9.0655568896512745E-2</v>
      </c>
      <c r="E142" s="135">
        <v>0.16804693879093657</v>
      </c>
      <c r="F142" s="89">
        <v>7.0943078709140253E-2</v>
      </c>
      <c r="G142" s="135">
        <v>0.43345831479006469</v>
      </c>
      <c r="H142" s="89">
        <v>9.1683175035415551E-2</v>
      </c>
      <c r="I142" s="135">
        <v>0</v>
      </c>
      <c r="J142" s="89">
        <v>2.3967079753657358E-2</v>
      </c>
      <c r="K142" s="134">
        <v>112</v>
      </c>
      <c r="L142" s="135">
        <v>0.49073188212463748</v>
      </c>
      <c r="M142" s="89">
        <v>9.2832798130558933E-2</v>
      </c>
      <c r="N142" s="135">
        <v>0.24644526641327519</v>
      </c>
      <c r="O142" s="89">
        <v>8.0957065178833595E-2</v>
      </c>
      <c r="P142" s="135">
        <v>0.22571392924556874</v>
      </c>
      <c r="Q142" s="89">
        <v>7.8754565776508356E-2</v>
      </c>
      <c r="R142" s="135">
        <v>3.7108922216518993E-2</v>
      </c>
      <c r="S142" s="89">
        <v>4.1628151147238043E-2</v>
      </c>
      <c r="T142" s="134">
        <v>112</v>
      </c>
      <c r="U142" s="135">
        <v>0.67999995014966474</v>
      </c>
      <c r="V142" s="89">
        <v>8.7058437354499238E-2</v>
      </c>
      <c r="W142" s="135">
        <v>9.3349758893863793E-2</v>
      </c>
      <c r="X142" s="89">
        <v>5.7488648279184727E-2</v>
      </c>
      <c r="Y142" s="135">
        <v>0.169860732804473</v>
      </c>
      <c r="Z142" s="89">
        <v>7.1533727627012544E-2</v>
      </c>
      <c r="AA142" s="135">
        <v>5.6789558151998515E-2</v>
      </c>
      <c r="AB142" s="89">
        <v>4.8022338943327282E-2</v>
      </c>
      <c r="AC142" s="134">
        <v>110</v>
      </c>
      <c r="AD142" s="135">
        <v>0.62512608807321102</v>
      </c>
      <c r="AE142" s="89">
        <v>9.0887030511399611E-2</v>
      </c>
      <c r="AF142" s="135">
        <v>0.15669266712321636</v>
      </c>
      <c r="AG142" s="89">
        <v>7.0154177100688997E-2</v>
      </c>
      <c r="AH142" s="135">
        <v>0.21703710989753552</v>
      </c>
      <c r="AI142" s="89">
        <v>7.8461574925930297E-2</v>
      </c>
      <c r="AJ142" s="135">
        <v>1.1441349060376193E-3</v>
      </c>
      <c r="AK142" s="89">
        <v>2.5339870242162651E-2</v>
      </c>
    </row>
    <row r="143" spans="1:37">
      <c r="A143" s="44" t="s">
        <v>549</v>
      </c>
      <c r="B143" s="136">
        <v>64</v>
      </c>
      <c r="C143" s="137">
        <v>0.39540171145350866</v>
      </c>
      <c r="D143" s="92">
        <v>0.11889404421818911</v>
      </c>
      <c r="E143" s="137">
        <v>0.24548543549348001</v>
      </c>
      <c r="F143" s="92">
        <v>0.10644498548219446</v>
      </c>
      <c r="G143" s="137">
        <v>0.33309562015152894</v>
      </c>
      <c r="H143" s="92">
        <v>0.11512750969978933</v>
      </c>
      <c r="I143" s="137">
        <v>2.601723290148248E-2</v>
      </c>
      <c r="J143" s="92">
        <v>5.4768773876857399E-2</v>
      </c>
      <c r="K143" s="136">
        <v>63</v>
      </c>
      <c r="L143" s="137">
        <v>0.43870868955718989</v>
      </c>
      <c r="M143" s="92">
        <v>0.12135516835621911</v>
      </c>
      <c r="N143" s="137">
        <v>0.29093307346546765</v>
      </c>
      <c r="O143" s="92">
        <v>0.11233059214669126</v>
      </c>
      <c r="P143" s="137">
        <v>0.24923789570355415</v>
      </c>
      <c r="Q143" s="92">
        <v>0.10773169955036277</v>
      </c>
      <c r="R143" s="137">
        <v>2.1120341273788333E-2</v>
      </c>
      <c r="S143" s="92">
        <v>5.3105960247036586E-2</v>
      </c>
      <c r="T143" s="136">
        <v>63</v>
      </c>
      <c r="U143" s="137">
        <v>0.7102657515304881</v>
      </c>
      <c r="V143" s="92">
        <v>0.11221241550506708</v>
      </c>
      <c r="W143" s="137">
        <v>0.10521274597790688</v>
      </c>
      <c r="X143" s="92">
        <v>8.1843423925913122E-2</v>
      </c>
      <c r="Y143" s="137">
        <v>0.1211310178062943</v>
      </c>
      <c r="Z143" s="92">
        <v>8.5722907066735562E-2</v>
      </c>
      <c r="AA143" s="137">
        <v>6.3390484685310736E-2</v>
      </c>
      <c r="AB143" s="92">
        <v>6.9734772098677567E-2</v>
      </c>
      <c r="AC143" s="136">
        <v>63</v>
      </c>
      <c r="AD143" s="137">
        <v>0.48098916675741871</v>
      </c>
      <c r="AE143" s="92">
        <v>0.12209134180221513</v>
      </c>
      <c r="AF143" s="137">
        <v>0.31511497011301376</v>
      </c>
      <c r="AG143" s="92">
        <v>0.11454704558704615</v>
      </c>
      <c r="AH143" s="137">
        <v>0.17368567510854785</v>
      </c>
      <c r="AI143" s="92">
        <v>9.6460830579899473E-2</v>
      </c>
      <c r="AJ143" s="137">
        <v>3.0210188021019713E-2</v>
      </c>
      <c r="AK143" s="92">
        <v>5.7231357231833729E-2</v>
      </c>
    </row>
    <row r="144" spans="1:37">
      <c r="A144" s="52" t="s">
        <v>550</v>
      </c>
      <c r="B144" s="134">
        <v>160</v>
      </c>
      <c r="C144" s="135">
        <v>0.46507956770224218</v>
      </c>
      <c r="D144" s="89">
        <v>7.7905402720789038E-2</v>
      </c>
      <c r="E144" s="135">
        <v>0.20410975205516388</v>
      </c>
      <c r="F144" s="89">
        <v>6.3757861464783697E-2</v>
      </c>
      <c r="G144" s="135">
        <v>0.33081068024259347</v>
      </c>
      <c r="H144" s="89">
        <v>7.3709099983913104E-2</v>
      </c>
      <c r="I144" s="135">
        <v>0</v>
      </c>
      <c r="J144" s="89">
        <v>1.7141022646310424E-2</v>
      </c>
      <c r="K144" s="134">
        <v>160</v>
      </c>
      <c r="L144" s="135">
        <v>0.52932613480085466</v>
      </c>
      <c r="M144" s="89">
        <v>7.7958935173024713E-2</v>
      </c>
      <c r="N144" s="135">
        <v>0.19836445007125936</v>
      </c>
      <c r="O144" s="89">
        <v>6.312977617497291E-2</v>
      </c>
      <c r="P144" s="135">
        <v>0.23299045196068563</v>
      </c>
      <c r="Q144" s="89">
        <v>6.6651853111618337E-2</v>
      </c>
      <c r="R144" s="135">
        <v>3.9318963167199968E-2</v>
      </c>
      <c r="S144" s="89">
        <v>3.4215696474491727E-2</v>
      </c>
      <c r="T144" s="134">
        <v>161</v>
      </c>
      <c r="U144" s="135">
        <v>0.74716766330790119</v>
      </c>
      <c r="V144" s="89">
        <v>6.8194778455440169E-2</v>
      </c>
      <c r="W144" s="135">
        <v>0.1278440035721303</v>
      </c>
      <c r="X144" s="89">
        <v>5.3514919848962131E-2</v>
      </c>
      <c r="Y144" s="135">
        <v>9.0375382502258517E-2</v>
      </c>
      <c r="Z144" s="89">
        <v>4.6773327693370961E-2</v>
      </c>
      <c r="AA144" s="135">
        <v>3.4612950617709637E-2</v>
      </c>
      <c r="AB144" s="89">
        <v>3.2581349671700323E-2</v>
      </c>
      <c r="AC144" s="134">
        <v>162</v>
      </c>
      <c r="AD144" s="135">
        <v>0.34993175159248513</v>
      </c>
      <c r="AE144" s="89">
        <v>7.4210993392314503E-2</v>
      </c>
      <c r="AF144" s="135">
        <v>0.28730613761405388</v>
      </c>
      <c r="AG144" s="89">
        <v>7.061097068466228E-2</v>
      </c>
      <c r="AH144" s="135">
        <v>0.26798146534079964</v>
      </c>
      <c r="AI144" s="89">
        <v>6.9200335090240317E-2</v>
      </c>
      <c r="AJ144" s="135">
        <v>9.4780645452660947E-2</v>
      </c>
      <c r="AK144" s="89">
        <v>4.7495165783652801E-2</v>
      </c>
    </row>
    <row r="145" spans="1:37">
      <c r="A145" s="44" t="s">
        <v>551</v>
      </c>
      <c r="B145" s="136">
        <v>676</v>
      </c>
      <c r="C145" s="137">
        <v>0.37369307322526757</v>
      </c>
      <c r="D145" s="92">
        <v>3.7119338209829565E-2</v>
      </c>
      <c r="E145" s="137">
        <v>0.24121250578003198</v>
      </c>
      <c r="F145" s="92">
        <v>3.2882554755496188E-2</v>
      </c>
      <c r="G145" s="137">
        <v>0.37509078471719204</v>
      </c>
      <c r="H145" s="92">
        <v>3.7146823526422838E-2</v>
      </c>
      <c r="I145" s="137">
        <v>1.0003636277510468E-2</v>
      </c>
      <c r="J145" s="92">
        <v>8.6500321869288493E-3</v>
      </c>
      <c r="K145" s="136">
        <v>672</v>
      </c>
      <c r="L145" s="137">
        <v>0.20933789409119047</v>
      </c>
      <c r="M145" s="92">
        <v>3.1389177481897609E-2</v>
      </c>
      <c r="N145" s="137">
        <v>0.2208953204623052</v>
      </c>
      <c r="O145" s="92">
        <v>3.199664710960827E-2</v>
      </c>
      <c r="P145" s="137">
        <v>0.50137647445489752</v>
      </c>
      <c r="Q145" s="92">
        <v>3.8461394436192509E-2</v>
      </c>
      <c r="R145" s="137">
        <v>6.8390310991610997E-2</v>
      </c>
      <c r="S145" s="92">
        <v>1.9748587382501747E-2</v>
      </c>
      <c r="T145" s="136">
        <v>678</v>
      </c>
      <c r="U145" s="137">
        <v>0.36868721478846711</v>
      </c>
      <c r="V145" s="92">
        <v>3.6963850437398998E-2</v>
      </c>
      <c r="W145" s="137">
        <v>0.22934432350925726</v>
      </c>
      <c r="X145" s="92">
        <v>3.2274689350186681E-2</v>
      </c>
      <c r="Y145" s="137">
        <v>0.29315637911190146</v>
      </c>
      <c r="Z145" s="92">
        <v>3.490381531558541E-2</v>
      </c>
      <c r="AA145" s="137">
        <v>0.10881208259037631</v>
      </c>
      <c r="AB145" s="92">
        <v>2.406757335837895E-2</v>
      </c>
      <c r="AC145" s="136">
        <v>677</v>
      </c>
      <c r="AD145" s="137">
        <v>0.27184720388293188</v>
      </c>
      <c r="AE145" s="92">
        <v>3.4150569505657959E-2</v>
      </c>
      <c r="AF145" s="137">
        <v>0.25167982555058976</v>
      </c>
      <c r="AG145" s="92">
        <v>3.3323876275024353E-2</v>
      </c>
      <c r="AH145" s="137">
        <v>0.40397388019120378</v>
      </c>
      <c r="AI145" s="92">
        <v>3.7615177164891857E-2</v>
      </c>
      <c r="AJ145" s="137">
        <v>7.2499090375276881E-2</v>
      </c>
      <c r="AK145" s="92">
        <v>2.0187606510746057E-2</v>
      </c>
    </row>
    <row r="147" spans="1:37">
      <c r="R147" s="238"/>
      <c r="S147" s="238"/>
      <c r="T147" s="238"/>
      <c r="U147" s="238"/>
      <c r="V147" s="238"/>
      <c r="W147" s="238"/>
      <c r="X147" s="238"/>
      <c r="Y147" s="238"/>
      <c r="Z147" s="238"/>
      <c r="AA147" s="238"/>
      <c r="AB147" s="238"/>
      <c r="AC147" s="238"/>
      <c r="AD147" s="238"/>
      <c r="AE147" s="238"/>
    </row>
  </sheetData>
  <mergeCells count="23">
    <mergeCell ref="K121:S121"/>
    <mergeCell ref="B121:J121"/>
    <mergeCell ref="T121:AB121"/>
    <mergeCell ref="I34:Q34"/>
    <mergeCell ref="A120:AK120"/>
    <mergeCell ref="A119:AK119"/>
    <mergeCell ref="AC121:AK121"/>
    <mergeCell ref="B34:H34"/>
    <mergeCell ref="A90:D90"/>
    <mergeCell ref="A91:D91"/>
    <mergeCell ref="A92:D92"/>
    <mergeCell ref="B63:H63"/>
    <mergeCell ref="I63:J63"/>
    <mergeCell ref="K63:L63"/>
    <mergeCell ref="M63:N63"/>
    <mergeCell ref="O63:P63"/>
    <mergeCell ref="A61:P61"/>
    <mergeCell ref="A62:P62"/>
    <mergeCell ref="A3:D3"/>
    <mergeCell ref="A4:D4"/>
    <mergeCell ref="A5:D5"/>
    <mergeCell ref="A32:Q32"/>
    <mergeCell ref="A33:Q33"/>
  </mergeCells>
  <pageMargins left="0.7" right="0.7" top="0.75" bottom="0.75" header="0.3" footer="0.3"/>
  <pageSetup paperSize="9" orientation="portrait" r:id="rId1"/>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700-000000000000}">
  <dimension ref="A1:AB174"/>
  <sheetViews>
    <sheetView zoomScaleNormal="100" workbookViewId="0"/>
  </sheetViews>
  <sheetFormatPr defaultColWidth="16.5703125" defaultRowHeight="15"/>
  <cols>
    <col min="1" max="1" width="51" customWidth="1"/>
  </cols>
  <sheetData>
    <row r="1" spans="1:15" ht="31.5">
      <c r="A1" s="30" t="s">
        <v>40</v>
      </c>
    </row>
    <row r="3" spans="1:15" ht="18.75">
      <c r="A3" s="342" t="s">
        <v>3</v>
      </c>
      <c r="B3" s="342"/>
      <c r="C3" s="342"/>
      <c r="D3" s="342"/>
      <c r="E3" s="342"/>
      <c r="F3" s="342"/>
      <c r="G3" s="342"/>
      <c r="H3" s="342"/>
      <c r="I3" s="342"/>
      <c r="J3" s="342"/>
      <c r="K3" s="342"/>
      <c r="L3" s="342"/>
      <c r="M3" s="342"/>
      <c r="N3" s="342"/>
      <c r="O3" s="342"/>
    </row>
    <row r="4" spans="1:15" ht="42" customHeight="1">
      <c r="A4" s="364" t="s">
        <v>362</v>
      </c>
      <c r="B4" s="364"/>
      <c r="C4" s="364"/>
      <c r="D4" s="364"/>
      <c r="E4" s="364"/>
      <c r="F4" s="364"/>
      <c r="G4" s="364"/>
      <c r="H4" s="364"/>
      <c r="I4" s="364"/>
      <c r="J4" s="364"/>
      <c r="K4" s="364"/>
      <c r="L4" s="364"/>
      <c r="M4" s="364"/>
      <c r="N4" s="364"/>
      <c r="O4" s="364"/>
    </row>
    <row r="5" spans="1:15" ht="15.75">
      <c r="A5" s="397" t="s">
        <v>116</v>
      </c>
      <c r="B5" s="397"/>
      <c r="C5" s="397"/>
      <c r="D5" s="397"/>
      <c r="E5" s="391" t="s">
        <v>31</v>
      </c>
      <c r="F5" s="391"/>
      <c r="G5" s="391"/>
      <c r="H5" s="391"/>
      <c r="I5" s="391"/>
      <c r="J5" s="391"/>
      <c r="K5" s="391"/>
      <c r="L5" s="391"/>
      <c r="M5" s="391"/>
      <c r="N5" s="391"/>
      <c r="O5" s="391"/>
    </row>
    <row r="6" spans="1:15" ht="72">
      <c r="A6" s="32" t="s">
        <v>71</v>
      </c>
      <c r="B6" s="33" t="s">
        <v>72</v>
      </c>
      <c r="C6" s="34" t="s">
        <v>591</v>
      </c>
      <c r="D6" s="35" t="s">
        <v>73</v>
      </c>
      <c r="E6" s="60" t="s">
        <v>72</v>
      </c>
      <c r="F6" s="60" t="s">
        <v>307</v>
      </c>
      <c r="G6" s="83" t="s">
        <v>143</v>
      </c>
      <c r="H6" s="60" t="s">
        <v>308</v>
      </c>
      <c r="I6" s="83" t="s">
        <v>198</v>
      </c>
      <c r="J6" s="60" t="s">
        <v>309</v>
      </c>
      <c r="K6" s="83" t="s">
        <v>200</v>
      </c>
      <c r="L6" s="60" t="s">
        <v>310</v>
      </c>
      <c r="M6" s="83" t="s">
        <v>201</v>
      </c>
      <c r="N6" s="60" t="s">
        <v>311</v>
      </c>
      <c r="O6" s="83" t="s">
        <v>204</v>
      </c>
    </row>
    <row r="7" spans="1:15" ht="84">
      <c r="A7" s="36"/>
      <c r="B7" s="37" t="s">
        <v>74</v>
      </c>
      <c r="C7" s="38" t="s">
        <v>118</v>
      </c>
      <c r="D7" s="39" t="s">
        <v>76</v>
      </c>
      <c r="E7" s="63" t="s">
        <v>74</v>
      </c>
      <c r="F7" s="63" t="s">
        <v>199</v>
      </c>
      <c r="G7" s="85" t="s">
        <v>88</v>
      </c>
      <c r="H7" s="63" t="s">
        <v>197</v>
      </c>
      <c r="I7" s="85" t="s">
        <v>88</v>
      </c>
      <c r="J7" s="63" t="s">
        <v>179</v>
      </c>
      <c r="K7" s="85" t="s">
        <v>88</v>
      </c>
      <c r="L7" s="63" t="s">
        <v>202</v>
      </c>
      <c r="M7" s="85" t="s">
        <v>88</v>
      </c>
      <c r="N7" s="63" t="s">
        <v>203</v>
      </c>
      <c r="O7" s="85" t="s">
        <v>88</v>
      </c>
    </row>
    <row r="8" spans="1:15">
      <c r="A8" s="40" t="s">
        <v>350</v>
      </c>
      <c r="B8" s="138">
        <v>13292</v>
      </c>
      <c r="C8" s="139">
        <v>3.2157016365461688</v>
      </c>
      <c r="D8" s="125">
        <v>1.7780956282388603E-2</v>
      </c>
      <c r="E8" s="117">
        <v>13292</v>
      </c>
      <c r="F8" s="140">
        <v>6.2783561717994235E-2</v>
      </c>
      <c r="G8" s="89">
        <v>4.2114959915721759E-3</v>
      </c>
      <c r="H8" s="141">
        <v>0.17780663032393992</v>
      </c>
      <c r="I8" s="89">
        <v>6.6332015775098967E-3</v>
      </c>
      <c r="J8" s="141">
        <v>0.3416360823384445</v>
      </c>
      <c r="K8" s="89">
        <v>8.2261937645276111E-3</v>
      </c>
      <c r="L8" s="141">
        <v>0.31647206093319324</v>
      </c>
      <c r="M8" s="89">
        <v>8.0674383547051955E-3</v>
      </c>
      <c r="N8" s="141">
        <v>0.10130166468644919</v>
      </c>
      <c r="O8" s="89">
        <v>5.2361578177108868E-3</v>
      </c>
    </row>
    <row r="9" spans="1:15">
      <c r="A9" s="44" t="s">
        <v>351</v>
      </c>
      <c r="B9" s="142">
        <v>9796</v>
      </c>
      <c r="C9" s="143">
        <v>3.1677388723754865</v>
      </c>
      <c r="D9" s="127">
        <v>2.0622751460591306E-2</v>
      </c>
      <c r="E9" s="120">
        <v>9796</v>
      </c>
      <c r="F9" s="144">
        <v>6.6599940263533552E-2</v>
      </c>
      <c r="G9" s="92">
        <v>5.0433909924152802E-3</v>
      </c>
      <c r="H9" s="145">
        <v>0.19702726166794071</v>
      </c>
      <c r="I9" s="92">
        <v>8.0377283107085015E-3</v>
      </c>
      <c r="J9" s="145">
        <v>0.33133051246887235</v>
      </c>
      <c r="K9" s="92">
        <v>9.5099051097896903E-3</v>
      </c>
      <c r="L9" s="145">
        <v>0.31211855662881605</v>
      </c>
      <c r="M9" s="92">
        <v>9.3618717216014669E-3</v>
      </c>
      <c r="N9" s="145">
        <v>9.2923728970839517E-2</v>
      </c>
      <c r="O9" s="92">
        <v>5.8701651861999176E-3</v>
      </c>
    </row>
    <row r="10" spans="1:15">
      <c r="A10" s="40" t="s">
        <v>352</v>
      </c>
      <c r="B10" s="49">
        <v>3496</v>
      </c>
      <c r="C10" s="50">
        <v>3.2554944223628399</v>
      </c>
      <c r="D10" s="51">
        <v>3.5091350706499054E-2</v>
      </c>
      <c r="E10" s="78">
        <v>3496</v>
      </c>
      <c r="F10" s="93">
        <v>5.9617265181835959E-2</v>
      </c>
      <c r="G10" s="89">
        <v>8.036067128565123E-3</v>
      </c>
      <c r="H10" s="93">
        <v>0.16186004176594918</v>
      </c>
      <c r="I10" s="89">
        <v>1.246354981528444E-2</v>
      </c>
      <c r="J10" s="93">
        <v>0.35018620119896093</v>
      </c>
      <c r="K10" s="89">
        <v>1.6128310418774845E-2</v>
      </c>
      <c r="L10" s="93">
        <v>0.32008398921403775</v>
      </c>
      <c r="M10" s="89">
        <v>1.5773546564941746E-2</v>
      </c>
      <c r="N10" s="93">
        <v>0.10825250263921539</v>
      </c>
      <c r="O10" s="89">
        <v>1.0522600304761372E-2</v>
      </c>
    </row>
    <row r="11" spans="1:15">
      <c r="A11" s="44" t="s">
        <v>555</v>
      </c>
      <c r="B11" s="142">
        <v>3434</v>
      </c>
      <c r="C11" s="143">
        <v>3.2467151468097031</v>
      </c>
      <c r="D11" s="127">
        <v>3.4797352858310399E-2</v>
      </c>
      <c r="E11" s="120">
        <v>3434</v>
      </c>
      <c r="F11" s="144">
        <v>6.2376446520794965E-2</v>
      </c>
      <c r="G11" s="92">
        <v>8.2803556898311849E-3</v>
      </c>
      <c r="H11" s="145">
        <v>0.16341426386960542</v>
      </c>
      <c r="I11" s="92">
        <v>1.2623952374182243E-2</v>
      </c>
      <c r="J11" s="145">
        <v>0.35116299875696444</v>
      </c>
      <c r="K11" s="92">
        <v>1.6283521450447438E-2</v>
      </c>
      <c r="L11" s="145">
        <v>0.31121027798439643</v>
      </c>
      <c r="M11" s="92">
        <v>1.5795424561922872E-2</v>
      </c>
      <c r="N11" s="145">
        <v>0.1118360128682518</v>
      </c>
      <c r="O11" s="92">
        <v>1.0769093589260689E-2</v>
      </c>
    </row>
    <row r="12" spans="1:15">
      <c r="A12" s="40" t="s">
        <v>556</v>
      </c>
      <c r="B12" s="49">
        <v>2839</v>
      </c>
      <c r="C12" s="50">
        <v>3.1810612597952379</v>
      </c>
      <c r="D12" s="51">
        <v>3.8311742151550907E-2</v>
      </c>
      <c r="E12" s="78">
        <v>2839</v>
      </c>
      <c r="F12" s="93">
        <v>6.9182794586872529E-2</v>
      </c>
      <c r="G12" s="89">
        <v>9.557088631852572E-3</v>
      </c>
      <c r="H12" s="93">
        <v>0.19718138962756387</v>
      </c>
      <c r="I12" s="89">
        <v>1.493608106977758E-2</v>
      </c>
      <c r="J12" s="93">
        <v>0.32460662809049651</v>
      </c>
      <c r="K12" s="89">
        <v>1.7566462651754194E-2</v>
      </c>
      <c r="L12" s="93">
        <v>0.30145013679358929</v>
      </c>
      <c r="M12" s="89">
        <v>1.7217190920950413E-2</v>
      </c>
      <c r="N12" s="93">
        <v>0.10757905090147435</v>
      </c>
      <c r="O12" s="89">
        <v>1.164843325694203E-2</v>
      </c>
    </row>
    <row r="13" spans="1:15">
      <c r="A13" s="44" t="s">
        <v>536</v>
      </c>
      <c r="B13" s="142">
        <v>324</v>
      </c>
      <c r="C13" s="143">
        <v>3.1626298836129707</v>
      </c>
      <c r="D13" s="127">
        <v>0.11369993975789518</v>
      </c>
      <c r="E13" s="120">
        <v>324</v>
      </c>
      <c r="F13" s="144">
        <v>6.99033795023348E-2</v>
      </c>
      <c r="G13" s="92">
        <v>2.9113145376325603E-2</v>
      </c>
      <c r="H13" s="145">
        <v>0.19186811503928392</v>
      </c>
      <c r="I13" s="92">
        <v>4.3806163828700818E-2</v>
      </c>
      <c r="J13" s="145">
        <v>0.32242361166211159</v>
      </c>
      <c r="K13" s="92">
        <v>5.1706375898952758E-2</v>
      </c>
      <c r="L13" s="145">
        <v>0.33730502993561723</v>
      </c>
      <c r="M13" s="92">
        <v>5.2285801297698206E-2</v>
      </c>
      <c r="N13" s="145">
        <v>7.8499863860654218E-2</v>
      </c>
      <c r="O13" s="92">
        <v>3.0572672621265971E-2</v>
      </c>
    </row>
    <row r="14" spans="1:15">
      <c r="A14" s="40" t="s">
        <v>537</v>
      </c>
      <c r="B14" s="49">
        <v>160</v>
      </c>
      <c r="C14" s="50">
        <v>3.3315541958674326</v>
      </c>
      <c r="D14" s="51">
        <v>0.15184767560963949</v>
      </c>
      <c r="E14" s="78">
        <v>160</v>
      </c>
      <c r="F14" s="93">
        <v>2.6624556503540373E-2</v>
      </c>
      <c r="G14" s="89">
        <v>2.9924020574052582E-2</v>
      </c>
      <c r="H14" s="93">
        <v>0.18447715966569608</v>
      </c>
      <c r="I14" s="89">
        <v>6.153373827003665E-2</v>
      </c>
      <c r="J14" s="93">
        <v>0.32141635702414817</v>
      </c>
      <c r="K14" s="89">
        <v>7.3192799759459123E-2</v>
      </c>
      <c r="L14" s="93">
        <v>0.3656833850730194</v>
      </c>
      <c r="M14" s="89">
        <v>7.5357418455975725E-2</v>
      </c>
      <c r="N14" s="93">
        <v>0.10179854173359487</v>
      </c>
      <c r="O14" s="89">
        <v>4.9157814567867067E-2</v>
      </c>
    </row>
    <row r="15" spans="1:15">
      <c r="A15" s="44" t="s">
        <v>538</v>
      </c>
      <c r="B15" s="142">
        <v>88</v>
      </c>
      <c r="C15" s="143">
        <v>2.7299925657056932</v>
      </c>
      <c r="D15" s="127">
        <v>0.21769096976381314</v>
      </c>
      <c r="E15" s="120">
        <v>88</v>
      </c>
      <c r="F15" s="144">
        <v>0.1577678898662955</v>
      </c>
      <c r="G15" s="92">
        <v>7.8806414272897737E-2</v>
      </c>
      <c r="H15" s="145">
        <v>0.21165890542600491</v>
      </c>
      <c r="I15" s="92">
        <v>8.6961226705916786E-2</v>
      </c>
      <c r="J15" s="145">
        <v>0.39684937344616161</v>
      </c>
      <c r="K15" s="92">
        <v>0.10220717591888025</v>
      </c>
      <c r="L15" s="145">
        <v>0.21026041165878687</v>
      </c>
      <c r="M15" s="92">
        <v>8.6776121916233018E-2</v>
      </c>
      <c r="N15" s="145">
        <v>2.3463419602750668E-2</v>
      </c>
      <c r="O15" s="92">
        <v>4.284974596306998E-2</v>
      </c>
    </row>
    <row r="16" spans="1:15">
      <c r="A16" s="40" t="s">
        <v>539</v>
      </c>
      <c r="B16" s="49">
        <v>232</v>
      </c>
      <c r="C16" s="50">
        <v>3.1651158379984903</v>
      </c>
      <c r="D16" s="51">
        <v>0.12909263456217007</v>
      </c>
      <c r="E16" s="78">
        <v>232</v>
      </c>
      <c r="F16" s="93">
        <v>3.9346715509161273E-2</v>
      </c>
      <c r="G16" s="89">
        <v>2.7596014517690993E-2</v>
      </c>
      <c r="H16" s="93">
        <v>0.2163263907721176</v>
      </c>
      <c r="I16" s="89">
        <v>5.4029807718236587E-2</v>
      </c>
      <c r="J16" s="93">
        <v>0.3709350376113415</v>
      </c>
      <c r="K16" s="89">
        <v>6.2963820675370999E-2</v>
      </c>
      <c r="L16" s="93">
        <v>0.28664805242582636</v>
      </c>
      <c r="M16" s="89">
        <v>5.9090692834492302E-2</v>
      </c>
      <c r="N16" s="93">
        <v>8.6743803681551254E-2</v>
      </c>
      <c r="O16" s="89">
        <v>3.7947204875759664E-2</v>
      </c>
    </row>
    <row r="17" spans="1:15">
      <c r="A17" s="44" t="s">
        <v>540</v>
      </c>
      <c r="B17" s="142">
        <v>79</v>
      </c>
      <c r="C17" s="143">
        <v>3.1610255640515783</v>
      </c>
      <c r="D17" s="127">
        <v>0.20269067109556546</v>
      </c>
      <c r="E17" s="120">
        <v>79</v>
      </c>
      <c r="F17" s="144">
        <v>2.6972714571155017E-2</v>
      </c>
      <c r="G17" s="92">
        <v>4.7740380203067527E-2</v>
      </c>
      <c r="H17" s="145">
        <v>0.1563973270598549</v>
      </c>
      <c r="I17" s="92">
        <v>8.302780602273091E-2</v>
      </c>
      <c r="J17" s="145">
        <v>0.49618934432516121</v>
      </c>
      <c r="K17" s="92">
        <v>0.10976137201038175</v>
      </c>
      <c r="L17" s="145">
        <v>0.26951290783391402</v>
      </c>
      <c r="M17" s="92">
        <v>9.8634711573540451E-2</v>
      </c>
      <c r="N17" s="145">
        <v>5.0927706209914832E-2</v>
      </c>
      <c r="O17" s="92">
        <v>5.6952051975752885E-2</v>
      </c>
    </row>
    <row r="18" spans="1:15">
      <c r="A18" s="40" t="s">
        <v>541</v>
      </c>
      <c r="B18" s="138">
        <v>86</v>
      </c>
      <c r="C18" s="139">
        <v>3.0539857545783544</v>
      </c>
      <c r="D18" s="125">
        <v>0.22607636897273492</v>
      </c>
      <c r="E18" s="117">
        <v>86</v>
      </c>
      <c r="F18" s="140">
        <v>8.7376203163054347E-2</v>
      </c>
      <c r="G18" s="89">
        <v>6.4820905131489595E-2</v>
      </c>
      <c r="H18" s="141">
        <v>0.26084999745183596</v>
      </c>
      <c r="I18" s="89">
        <v>9.3755734796730744E-2</v>
      </c>
      <c r="J18" s="141">
        <v>0.24790262530054016</v>
      </c>
      <c r="K18" s="89">
        <v>9.2368955809081929E-2</v>
      </c>
      <c r="L18" s="141">
        <v>0.31815418981283977</v>
      </c>
      <c r="M18" s="89">
        <v>9.8839072522093965E-2</v>
      </c>
      <c r="N18" s="141">
        <v>8.5716984271730148E-2</v>
      </c>
      <c r="O18" s="89">
        <v>6.4389991254797274E-2</v>
      </c>
    </row>
    <row r="19" spans="1:15">
      <c r="A19" s="44" t="s">
        <v>542</v>
      </c>
      <c r="B19" s="142">
        <v>67</v>
      </c>
      <c r="C19" s="143">
        <v>3.2875856403195409</v>
      </c>
      <c r="D19" s="127">
        <v>0.23683863992967366</v>
      </c>
      <c r="E19" s="120">
        <v>67</v>
      </c>
      <c r="F19" s="144">
        <v>1.5244208373754737E-3</v>
      </c>
      <c r="G19" s="92">
        <v>4.0232384768568746E-2</v>
      </c>
      <c r="H19" s="145">
        <v>0.23303447352380183</v>
      </c>
      <c r="I19" s="92">
        <v>0.10251312138178727</v>
      </c>
      <c r="J19" s="145">
        <v>0.36787066952642872</v>
      </c>
      <c r="K19" s="92">
        <v>0.11492889287482236</v>
      </c>
      <c r="L19" s="145">
        <v>0.27147191670669524</v>
      </c>
      <c r="M19" s="92">
        <v>0.10707208858125404</v>
      </c>
      <c r="N19" s="145">
        <v>0.12609851940569869</v>
      </c>
      <c r="O19" s="92">
        <v>8.408792438595851E-2</v>
      </c>
    </row>
    <row r="20" spans="1:15">
      <c r="A20" s="40" t="s">
        <v>543</v>
      </c>
      <c r="B20" s="49">
        <v>444</v>
      </c>
      <c r="C20" s="50">
        <v>3.193628831057123</v>
      </c>
      <c r="D20" s="51">
        <v>0.10363952014929337</v>
      </c>
      <c r="E20" s="78">
        <v>444</v>
      </c>
      <c r="F20" s="93">
        <v>7.1621211479036245E-2</v>
      </c>
      <c r="G20" s="89">
        <v>2.4956018426978345E-2</v>
      </c>
      <c r="H20" s="93">
        <v>0.20747453619490405</v>
      </c>
      <c r="I20" s="89">
        <v>3.8492820242191458E-2</v>
      </c>
      <c r="J20" s="93">
        <v>0.30172658971213379</v>
      </c>
      <c r="K20" s="89">
        <v>4.3443983532728034E-2</v>
      </c>
      <c r="L20" s="93">
        <v>0.29400953501775118</v>
      </c>
      <c r="M20" s="89">
        <v>4.3127951373442698E-2</v>
      </c>
      <c r="N20" s="93">
        <v>0.12516812759617499</v>
      </c>
      <c r="O20" s="89">
        <v>3.1622603869069808E-2</v>
      </c>
    </row>
    <row r="21" spans="1:15">
      <c r="A21" s="44" t="s">
        <v>616</v>
      </c>
      <c r="B21" s="142">
        <v>235</v>
      </c>
      <c r="C21" s="143">
        <v>3.1315750972986147</v>
      </c>
      <c r="D21" s="127">
        <v>0.14276717088541832</v>
      </c>
      <c r="E21" s="120">
        <v>235</v>
      </c>
      <c r="F21" s="144">
        <v>7.9517168728303944E-2</v>
      </c>
      <c r="G21" s="92">
        <v>3.6376195763947183E-2</v>
      </c>
      <c r="H21" s="145">
        <v>0.22537880115903366</v>
      </c>
      <c r="I21" s="92">
        <v>5.4440706553953236E-2</v>
      </c>
      <c r="J21" s="145">
        <v>0.29565845144863911</v>
      </c>
      <c r="K21" s="92">
        <v>5.9232257992307719E-2</v>
      </c>
      <c r="L21" s="145">
        <v>0.2829029214137862</v>
      </c>
      <c r="M21" s="92">
        <v>5.8493395275982941E-2</v>
      </c>
      <c r="N21" s="145">
        <v>0.11654265725023473</v>
      </c>
      <c r="O21" s="92">
        <v>4.2483785706231771E-2</v>
      </c>
    </row>
    <row r="22" spans="1:15">
      <c r="A22" s="52" t="s">
        <v>544</v>
      </c>
      <c r="B22" s="138">
        <v>209</v>
      </c>
      <c r="C22" s="139">
        <v>3.2517929483947361</v>
      </c>
      <c r="D22" s="125">
        <v>0.15103929212901529</v>
      </c>
      <c r="E22" s="117">
        <v>209</v>
      </c>
      <c r="F22" s="140">
        <v>6.4220184077100076E-2</v>
      </c>
      <c r="G22" s="89">
        <v>3.5514072108759842E-2</v>
      </c>
      <c r="H22" s="141">
        <v>0.19069253606143821</v>
      </c>
      <c r="I22" s="89">
        <v>5.4452190176100847E-2</v>
      </c>
      <c r="J22" s="141">
        <v>0.30741436842585668</v>
      </c>
      <c r="K22" s="89">
        <v>6.3436888461424867E-2</v>
      </c>
      <c r="L22" s="141">
        <v>0.30441997026083373</v>
      </c>
      <c r="M22" s="89">
        <v>6.3271030372569384E-2</v>
      </c>
      <c r="N22" s="141">
        <v>0.13325294117476982</v>
      </c>
      <c r="O22" s="89">
        <v>4.7570245850739074E-2</v>
      </c>
    </row>
    <row r="23" spans="1:15">
      <c r="A23" s="44" t="s">
        <v>545</v>
      </c>
      <c r="B23" s="142">
        <v>107</v>
      </c>
      <c r="C23" s="143">
        <v>2.9967697450899191</v>
      </c>
      <c r="D23" s="127">
        <v>0.20348070470488763</v>
      </c>
      <c r="E23" s="120">
        <v>107</v>
      </c>
      <c r="F23" s="144">
        <v>0.12418435379126863</v>
      </c>
      <c r="G23" s="92">
        <v>6.5418531089405582E-2</v>
      </c>
      <c r="H23" s="145">
        <v>0.18206679017417371</v>
      </c>
      <c r="I23" s="92">
        <v>7.4994862299936668E-2</v>
      </c>
      <c r="J23" s="145">
        <v>0.37157773601957411</v>
      </c>
      <c r="K23" s="92">
        <v>9.1960613964507026E-2</v>
      </c>
      <c r="L23" s="145">
        <v>0.21713699718333618</v>
      </c>
      <c r="M23" s="92">
        <v>7.9559873107273762E-2</v>
      </c>
      <c r="N23" s="145">
        <v>0.10503412283164745</v>
      </c>
      <c r="O23" s="92">
        <v>6.1524910279981623E-2</v>
      </c>
    </row>
    <row r="24" spans="1:15">
      <c r="A24" s="52" t="s">
        <v>546</v>
      </c>
      <c r="B24" s="138">
        <v>281</v>
      </c>
      <c r="C24" s="139">
        <v>3.2276007972308669</v>
      </c>
      <c r="D24" s="125">
        <v>0.10882671668649947</v>
      </c>
      <c r="E24" s="117">
        <v>281</v>
      </c>
      <c r="F24" s="140">
        <v>4.3289635697253893E-2</v>
      </c>
      <c r="G24" s="89">
        <v>2.57462802392012E-2</v>
      </c>
      <c r="H24" s="141">
        <v>0.17043120673582154</v>
      </c>
      <c r="I24" s="89">
        <v>4.5020365552933012E-2</v>
      </c>
      <c r="J24" s="141">
        <v>0.38570162257805912</v>
      </c>
      <c r="K24" s="89">
        <v>5.7710714699149963E-2</v>
      </c>
      <c r="L24" s="141">
        <v>0.31654379461653925</v>
      </c>
      <c r="M24" s="89">
        <v>5.5222919961351556E-2</v>
      </c>
      <c r="N24" s="141">
        <v>8.4033740372329399E-2</v>
      </c>
      <c r="O24" s="89">
        <v>3.3882130362164274E-2</v>
      </c>
    </row>
    <row r="25" spans="1:15">
      <c r="A25" s="44" t="s">
        <v>557</v>
      </c>
      <c r="B25" s="142">
        <v>107</v>
      </c>
      <c r="C25" s="143">
        <v>3.1837168957584758</v>
      </c>
      <c r="D25" s="127">
        <v>0.18095209558010025</v>
      </c>
      <c r="E25" s="120">
        <v>107</v>
      </c>
      <c r="F25" s="144">
        <v>3.4363118155213319E-2</v>
      </c>
      <c r="G25" s="92">
        <v>4.1817810334616255E-2</v>
      </c>
      <c r="H25" s="145">
        <v>0.18747871655594905</v>
      </c>
      <c r="I25" s="92">
        <v>7.5752765512913628E-2</v>
      </c>
      <c r="J25" s="145">
        <v>0.41291096477261746</v>
      </c>
      <c r="K25" s="92">
        <v>9.3568355584290816E-2</v>
      </c>
      <c r="L25" s="145">
        <v>0.29057255240758928</v>
      </c>
      <c r="M25" s="92">
        <v>8.6835094548366173E-2</v>
      </c>
      <c r="N25" s="145">
        <v>7.4674648108631517E-2</v>
      </c>
      <c r="O25" s="92">
        <v>5.4326800250556639E-2</v>
      </c>
    </row>
    <row r="26" spans="1:15">
      <c r="A26" s="52" t="s">
        <v>558</v>
      </c>
      <c r="B26" s="138">
        <v>111</v>
      </c>
      <c r="C26" s="139">
        <v>3.2761521421377839</v>
      </c>
      <c r="D26" s="125">
        <v>0.16859469796529786</v>
      </c>
      <c r="E26" s="117">
        <v>111</v>
      </c>
      <c r="F26" s="140">
        <v>6.2601823596617173E-2</v>
      </c>
      <c r="G26" s="89">
        <v>4.9960121214536538E-2</v>
      </c>
      <c r="H26" s="141">
        <v>0.12037582269652085</v>
      </c>
      <c r="I26" s="89">
        <v>6.3447749840571319E-2</v>
      </c>
      <c r="J26" s="141">
        <v>0.37637682521671595</v>
      </c>
      <c r="K26" s="89">
        <v>9.0556149251549228E-2</v>
      </c>
      <c r="L26" s="141">
        <v>0.35955944495275466</v>
      </c>
      <c r="M26" s="89">
        <v>8.975806348518868E-2</v>
      </c>
      <c r="N26" s="141">
        <v>8.1086083537392037E-2</v>
      </c>
      <c r="O26" s="89">
        <v>5.4853715428295639E-2</v>
      </c>
    </row>
    <row r="27" spans="1:15">
      <c r="A27" s="44" t="s">
        <v>549</v>
      </c>
      <c r="B27" s="142">
        <v>63</v>
      </c>
      <c r="C27" s="143">
        <v>3.2247052190127863</v>
      </c>
      <c r="D27" s="127">
        <v>0.23274717294809949</v>
      </c>
      <c r="E27" s="120">
        <v>63</v>
      </c>
      <c r="F27" s="144">
        <v>2.7637752123932064E-2</v>
      </c>
      <c r="G27" s="92">
        <v>5.6102543172012506E-2</v>
      </c>
      <c r="H27" s="145">
        <v>0.2213514936124589</v>
      </c>
      <c r="I27" s="92">
        <v>0.10405202657151057</v>
      </c>
      <c r="J27" s="145">
        <v>0.35432870437443592</v>
      </c>
      <c r="K27" s="92">
        <v>0.11749575688523187</v>
      </c>
      <c r="L27" s="145">
        <v>0.29203188290523535</v>
      </c>
      <c r="M27" s="92">
        <v>0.11243820783490811</v>
      </c>
      <c r="N27" s="145">
        <v>0.10465016698393778</v>
      </c>
      <c r="O27" s="92">
        <v>8.1699951089182113E-2</v>
      </c>
    </row>
    <row r="28" spans="1:15">
      <c r="A28" s="52" t="s">
        <v>550</v>
      </c>
      <c r="B28" s="138">
        <v>149</v>
      </c>
      <c r="C28" s="139">
        <v>3.1482981052878349</v>
      </c>
      <c r="D28" s="125">
        <v>0.17550108433347394</v>
      </c>
      <c r="E28" s="117">
        <v>149</v>
      </c>
      <c r="F28" s="140">
        <v>9.7939484436681726E-2</v>
      </c>
      <c r="G28" s="89">
        <v>5.0277473004956323E-2</v>
      </c>
      <c r="H28" s="141">
        <v>0.16425979354678166</v>
      </c>
      <c r="I28" s="89">
        <v>6.1164174828419168E-2</v>
      </c>
      <c r="J28" s="141">
        <v>0.3372022711106703</v>
      </c>
      <c r="K28" s="89">
        <v>7.667341277939288E-2</v>
      </c>
      <c r="L28" s="141">
        <v>0.29276003410374885</v>
      </c>
      <c r="M28" s="89">
        <v>7.3966590152927295E-2</v>
      </c>
      <c r="N28" s="141">
        <v>0.10783841680211666</v>
      </c>
      <c r="O28" s="89">
        <v>5.2180060606676022E-2</v>
      </c>
    </row>
    <row r="29" spans="1:15">
      <c r="A29" s="44" t="s">
        <v>551</v>
      </c>
      <c r="B29" s="142">
        <v>619</v>
      </c>
      <c r="C29" s="143">
        <v>3.2938936866425261</v>
      </c>
      <c r="D29" s="127">
        <v>8.1442095003273957E-2</v>
      </c>
      <c r="E29" s="120">
        <v>619</v>
      </c>
      <c r="F29" s="144">
        <v>5.716752572175559E-2</v>
      </c>
      <c r="G29" s="92">
        <v>1.9031014905773226E-2</v>
      </c>
      <c r="H29" s="145">
        <v>0.13986909081014404</v>
      </c>
      <c r="I29" s="92">
        <v>2.7983691400026982E-2</v>
      </c>
      <c r="J29" s="145">
        <v>0.36956954649015084</v>
      </c>
      <c r="K29" s="92">
        <v>3.8695058350704616E-2</v>
      </c>
      <c r="L29" s="145">
        <v>0.3186898450597162</v>
      </c>
      <c r="M29" s="92">
        <v>3.7373427057784722E-2</v>
      </c>
      <c r="N29" s="145">
        <v>0.11470399191823352</v>
      </c>
      <c r="O29" s="92">
        <v>2.5771830671910717E-2</v>
      </c>
    </row>
    <row r="32" spans="1:15" ht="18.75">
      <c r="A32" s="342" t="s">
        <v>205</v>
      </c>
      <c r="B32" s="342"/>
      <c r="C32" s="342"/>
      <c r="D32" s="342"/>
      <c r="E32" s="342"/>
      <c r="F32" s="342"/>
      <c r="G32" s="342"/>
      <c r="H32" s="342"/>
      <c r="I32" s="342"/>
      <c r="J32" s="227"/>
      <c r="K32" s="227"/>
    </row>
    <row r="33" spans="1:11" ht="81" customHeight="1">
      <c r="A33" s="396" t="s">
        <v>206</v>
      </c>
      <c r="B33" s="396"/>
      <c r="C33" s="396"/>
      <c r="D33" s="396"/>
      <c r="E33" s="396"/>
      <c r="F33" s="396"/>
      <c r="G33" s="396"/>
      <c r="H33" s="396"/>
      <c r="I33" s="396"/>
      <c r="J33" s="227"/>
      <c r="K33" s="227"/>
    </row>
    <row r="34" spans="1:11" ht="30" customHeight="1">
      <c r="A34" s="391" t="s">
        <v>205</v>
      </c>
      <c r="B34" s="391"/>
      <c r="C34" s="391"/>
      <c r="D34" s="391"/>
      <c r="E34" s="349" t="s">
        <v>207</v>
      </c>
      <c r="F34" s="350"/>
      <c r="G34" s="350"/>
      <c r="H34" s="350"/>
      <c r="I34" s="351"/>
    </row>
    <row r="35" spans="1:11" ht="72">
      <c r="A35" s="32" t="s">
        <v>71</v>
      </c>
      <c r="B35" s="33" t="s">
        <v>72</v>
      </c>
      <c r="C35" s="34" t="s">
        <v>591</v>
      </c>
      <c r="D35" s="35" t="s">
        <v>73</v>
      </c>
      <c r="E35" s="33" t="s">
        <v>72</v>
      </c>
      <c r="F35" s="33" t="s">
        <v>212</v>
      </c>
      <c r="G35" s="84" t="s">
        <v>209</v>
      </c>
      <c r="H35" s="33" t="s">
        <v>213</v>
      </c>
      <c r="I35" s="84" t="s">
        <v>211</v>
      </c>
    </row>
    <row r="36" spans="1:11" ht="84">
      <c r="A36" s="36"/>
      <c r="B36" s="37" t="s">
        <v>74</v>
      </c>
      <c r="C36" s="38" t="s">
        <v>289</v>
      </c>
      <c r="D36" s="39" t="s">
        <v>76</v>
      </c>
      <c r="E36" s="37" t="s">
        <v>74</v>
      </c>
      <c r="F36" s="37" t="s">
        <v>208</v>
      </c>
      <c r="G36" s="86" t="s">
        <v>88</v>
      </c>
      <c r="H36" s="37" t="s">
        <v>210</v>
      </c>
      <c r="I36" s="86" t="s">
        <v>88</v>
      </c>
    </row>
    <row r="37" spans="1:11">
      <c r="A37" s="40" t="s">
        <v>350</v>
      </c>
      <c r="B37" s="146">
        <v>13544</v>
      </c>
      <c r="C37" s="79">
        <v>12.519755301226652</v>
      </c>
      <c r="D37" s="80">
        <v>8.8934485141396194E-2</v>
      </c>
      <c r="E37" s="78">
        <v>13544</v>
      </c>
      <c r="F37" s="93">
        <v>0.84765803633467895</v>
      </c>
      <c r="G37" s="89">
        <v>6.1763582944921926E-3</v>
      </c>
      <c r="H37" s="93">
        <v>0.15234196366532649</v>
      </c>
      <c r="I37" s="89">
        <v>6.176358294492282E-3</v>
      </c>
    </row>
    <row r="38" spans="1:11">
      <c r="A38" s="44" t="s">
        <v>351</v>
      </c>
      <c r="B38" s="44">
        <v>10035</v>
      </c>
      <c r="C38" s="148">
        <v>11.796030889239407</v>
      </c>
      <c r="D38" s="149">
        <v>9.6483580813808797E-2</v>
      </c>
      <c r="E38" s="120">
        <v>10035</v>
      </c>
      <c r="F38" s="150">
        <v>0.88018330311680648</v>
      </c>
      <c r="G38" s="92">
        <v>6.4858513470029038E-3</v>
      </c>
      <c r="H38" s="150">
        <v>0.11981669688318362</v>
      </c>
      <c r="I38" s="92">
        <v>6.4858513470026739E-3</v>
      </c>
    </row>
    <row r="39" spans="1:11">
      <c r="A39" s="40" t="s">
        <v>352</v>
      </c>
      <c r="B39" s="48">
        <v>3509</v>
      </c>
      <c r="C39" s="79">
        <v>13.132194826746412</v>
      </c>
      <c r="D39" s="80">
        <v>0.19636422728631525</v>
      </c>
      <c r="E39" s="78">
        <v>3509</v>
      </c>
      <c r="F39" s="93">
        <v>0.82013408021889012</v>
      </c>
      <c r="G39" s="89">
        <v>1.2970325643831033E-2</v>
      </c>
      <c r="H39" s="93">
        <v>0.1798659197811093</v>
      </c>
      <c r="I39" s="89">
        <v>1.2970325643831018E-2</v>
      </c>
    </row>
    <row r="40" spans="1:11">
      <c r="A40" s="44" t="s">
        <v>555</v>
      </c>
      <c r="B40" s="44">
        <v>3537</v>
      </c>
      <c r="C40" s="148">
        <v>12.345107496962507</v>
      </c>
      <c r="D40" s="149">
        <v>0.16445545365788364</v>
      </c>
      <c r="E40" s="120">
        <v>3537</v>
      </c>
      <c r="F40" s="150">
        <v>0.86136080898566492</v>
      </c>
      <c r="G40" s="92">
        <v>1.1628885123635427E-2</v>
      </c>
      <c r="H40" s="150">
        <v>0.13863919101433952</v>
      </c>
      <c r="I40" s="92">
        <v>1.1628885123635579E-2</v>
      </c>
    </row>
    <row r="41" spans="1:11">
      <c r="A41" s="40" t="s">
        <v>556</v>
      </c>
      <c r="B41" s="48">
        <v>2934</v>
      </c>
      <c r="C41" s="79">
        <v>11.769245135099277</v>
      </c>
      <c r="D41" s="80">
        <v>0.17256546757177052</v>
      </c>
      <c r="E41" s="78">
        <v>2934</v>
      </c>
      <c r="F41" s="93">
        <v>0.88233568848953747</v>
      </c>
      <c r="G41" s="89">
        <v>1.1911700970915358E-2</v>
      </c>
      <c r="H41" s="93">
        <v>0.11766431151046149</v>
      </c>
      <c r="I41" s="89">
        <v>1.1911700970915318E-2</v>
      </c>
    </row>
    <row r="42" spans="1:11">
      <c r="A42" s="44" t="s">
        <v>536</v>
      </c>
      <c r="B42" s="44">
        <v>330</v>
      </c>
      <c r="C42" s="148">
        <v>11.6892003191737</v>
      </c>
      <c r="D42" s="149">
        <v>0.51011425570910529</v>
      </c>
      <c r="E42" s="120">
        <v>330</v>
      </c>
      <c r="F42" s="150">
        <v>0.88478289102722074</v>
      </c>
      <c r="G42" s="92">
        <v>3.5539838122465972E-2</v>
      </c>
      <c r="H42" s="150">
        <v>0.11521710897277958</v>
      </c>
      <c r="I42" s="92">
        <v>3.5539838122466021E-2</v>
      </c>
    </row>
    <row r="43" spans="1:11">
      <c r="A43" s="40" t="s">
        <v>537</v>
      </c>
      <c r="B43" s="48">
        <v>162</v>
      </c>
      <c r="C43" s="79">
        <v>11.149625756555711</v>
      </c>
      <c r="D43" s="80">
        <v>0.69099872574508603</v>
      </c>
      <c r="E43" s="78">
        <v>162</v>
      </c>
      <c r="F43" s="93">
        <v>0.90229672451232057</v>
      </c>
      <c r="G43" s="89">
        <v>4.8061962970667567E-2</v>
      </c>
      <c r="H43" s="93">
        <v>9.7703275487679375E-2</v>
      </c>
      <c r="I43" s="89">
        <v>4.806196297066756E-2</v>
      </c>
    </row>
    <row r="44" spans="1:11">
      <c r="A44" s="44" t="s">
        <v>538</v>
      </c>
      <c r="B44" s="44">
        <v>89</v>
      </c>
      <c r="C44" s="148">
        <v>12.481213036493452</v>
      </c>
      <c r="D44" s="149">
        <v>1.0773172180202961</v>
      </c>
      <c r="E44" s="120">
        <v>89</v>
      </c>
      <c r="F44" s="150">
        <v>0.85038906605626718</v>
      </c>
      <c r="G44" s="92">
        <v>7.6919580279934494E-2</v>
      </c>
      <c r="H44" s="150">
        <v>0.14961093394373251</v>
      </c>
      <c r="I44" s="92">
        <v>7.6919580279934438E-2</v>
      </c>
    </row>
    <row r="45" spans="1:11">
      <c r="A45" s="40" t="s">
        <v>539</v>
      </c>
      <c r="B45" s="48">
        <v>244</v>
      </c>
      <c r="C45" s="79">
        <v>10.982776868431751</v>
      </c>
      <c r="D45" s="80">
        <v>0.53995083323656945</v>
      </c>
      <c r="E45" s="78">
        <v>244</v>
      </c>
      <c r="F45" s="93">
        <v>0.94572252627178666</v>
      </c>
      <c r="G45" s="89">
        <v>3.0503413443407592E-2</v>
      </c>
      <c r="H45" s="93">
        <v>5.4277473728213371E-2</v>
      </c>
      <c r="I45" s="89">
        <v>3.0503413443407602E-2</v>
      </c>
    </row>
    <row r="46" spans="1:11">
      <c r="A46" s="44" t="s">
        <v>540</v>
      </c>
      <c r="B46" s="44">
        <v>82</v>
      </c>
      <c r="C46" s="148">
        <v>11.466322798272531</v>
      </c>
      <c r="D46" s="149">
        <v>0.9791353593471257</v>
      </c>
      <c r="E46" s="120">
        <v>82</v>
      </c>
      <c r="F46" s="150">
        <v>0.88583233696341457</v>
      </c>
      <c r="G46" s="92">
        <v>7.3027365069447903E-2</v>
      </c>
      <c r="H46" s="150">
        <v>0.11416766303658533</v>
      </c>
      <c r="I46" s="92">
        <v>7.3027365069447861E-2</v>
      </c>
    </row>
    <row r="47" spans="1:11">
      <c r="A47" s="40" t="s">
        <v>541</v>
      </c>
      <c r="B47" s="146">
        <v>91</v>
      </c>
      <c r="C47" s="79">
        <v>10.843986539328931</v>
      </c>
      <c r="D47" s="80">
        <v>0.8040961538206024</v>
      </c>
      <c r="E47" s="78">
        <v>91</v>
      </c>
      <c r="F47" s="93">
        <v>0.97644079418810859</v>
      </c>
      <c r="G47" s="89">
        <v>4.1910771231564531E-2</v>
      </c>
      <c r="H47" s="93">
        <v>2.3559205811891307E-2</v>
      </c>
      <c r="I47" s="89">
        <v>4.1910771231564455E-2</v>
      </c>
    </row>
    <row r="48" spans="1:11">
      <c r="A48" s="44" t="s">
        <v>542</v>
      </c>
      <c r="B48" s="147">
        <v>71</v>
      </c>
      <c r="C48" s="148">
        <v>10.633434888813172</v>
      </c>
      <c r="D48" s="149">
        <v>1.0481980517645844</v>
      </c>
      <c r="E48" s="120">
        <v>71</v>
      </c>
      <c r="F48" s="150">
        <v>0.9736571271975436</v>
      </c>
      <c r="G48" s="92">
        <v>5.1090274576491693E-2</v>
      </c>
      <c r="H48" s="150">
        <v>2.6342872802456448E-2</v>
      </c>
      <c r="I48" s="92">
        <v>5.1090274576491686E-2</v>
      </c>
    </row>
    <row r="49" spans="1:9">
      <c r="A49" s="40" t="s">
        <v>543</v>
      </c>
      <c r="B49" s="78">
        <v>467</v>
      </c>
      <c r="C49" s="79">
        <v>12.001395820276743</v>
      </c>
      <c r="D49" s="80">
        <v>0.42553867161996983</v>
      </c>
      <c r="E49" s="78">
        <v>467</v>
      </c>
      <c r="F49" s="93">
        <v>0.88519769501112355</v>
      </c>
      <c r="G49" s="89">
        <v>2.9738027089431185E-2</v>
      </c>
      <c r="H49" s="93">
        <v>0.11480230498887695</v>
      </c>
      <c r="I49" s="89">
        <v>2.9738027089431247E-2</v>
      </c>
    </row>
    <row r="50" spans="1:9">
      <c r="A50" s="44" t="s">
        <v>616</v>
      </c>
      <c r="B50" s="147">
        <v>241</v>
      </c>
      <c r="C50" s="148">
        <v>11.473516700355464</v>
      </c>
      <c r="D50" s="149">
        <v>0.55552412743237478</v>
      </c>
      <c r="E50" s="120">
        <v>241</v>
      </c>
      <c r="F50" s="150">
        <v>0.90537853848000405</v>
      </c>
      <c r="G50" s="92">
        <v>3.8542925339673691E-2</v>
      </c>
      <c r="H50" s="150">
        <v>9.4621461519995065E-2</v>
      </c>
      <c r="I50" s="92">
        <v>3.8542925339673559E-2</v>
      </c>
    </row>
    <row r="51" spans="1:9">
      <c r="A51" s="52" t="s">
        <v>544</v>
      </c>
      <c r="B51" s="146">
        <v>226</v>
      </c>
      <c r="C51" s="79">
        <v>12.475795769961421</v>
      </c>
      <c r="D51" s="80">
        <v>0.64422785924854609</v>
      </c>
      <c r="E51" s="78">
        <v>226</v>
      </c>
      <c r="F51" s="93">
        <v>0.86706136272417955</v>
      </c>
      <c r="G51" s="89">
        <v>4.5666390687247212E-2</v>
      </c>
      <c r="H51" s="93">
        <v>0.13293863727582025</v>
      </c>
      <c r="I51" s="89">
        <v>4.5666390687247184E-2</v>
      </c>
    </row>
    <row r="52" spans="1:9">
      <c r="A52" s="44" t="s">
        <v>545</v>
      </c>
      <c r="B52" s="147">
        <v>110</v>
      </c>
      <c r="C52" s="148">
        <v>12.487987459141152</v>
      </c>
      <c r="D52" s="149">
        <v>1.0778412607227466</v>
      </c>
      <c r="E52" s="120">
        <v>110</v>
      </c>
      <c r="F52" s="150">
        <v>0.79669839003534004</v>
      </c>
      <c r="G52" s="92">
        <v>7.6786152521277837E-2</v>
      </c>
      <c r="H52" s="150">
        <v>0.20330160996465982</v>
      </c>
      <c r="I52" s="92">
        <v>7.6786152521277809E-2</v>
      </c>
    </row>
    <row r="53" spans="1:9">
      <c r="A53" s="52" t="s">
        <v>546</v>
      </c>
      <c r="B53" s="146">
        <v>287</v>
      </c>
      <c r="C53" s="79">
        <v>11.318967944510938</v>
      </c>
      <c r="D53" s="80">
        <v>0.55232173685164954</v>
      </c>
      <c r="E53" s="78">
        <v>287</v>
      </c>
      <c r="F53" s="93">
        <v>0.88680459527842004</v>
      </c>
      <c r="G53" s="89">
        <v>3.7894253227429384E-2</v>
      </c>
      <c r="H53" s="93">
        <v>0.11319540472158059</v>
      </c>
      <c r="I53" s="89">
        <v>3.789425322742946E-2</v>
      </c>
    </row>
    <row r="54" spans="1:9">
      <c r="A54" s="44" t="s">
        <v>557</v>
      </c>
      <c r="B54" s="147">
        <v>111</v>
      </c>
      <c r="C54" s="148">
        <v>11.754287041364144</v>
      </c>
      <c r="D54" s="149">
        <v>0.90702315750834794</v>
      </c>
      <c r="E54" s="120">
        <v>111</v>
      </c>
      <c r="F54" s="150">
        <v>0.8493704750815958</v>
      </c>
      <c r="G54" s="92">
        <v>6.8849858377153045E-2</v>
      </c>
      <c r="H54" s="150">
        <v>0.15062952491840456</v>
      </c>
      <c r="I54" s="92">
        <v>6.8849858377153086E-2</v>
      </c>
    </row>
    <row r="55" spans="1:9">
      <c r="A55" s="52" t="s">
        <v>558</v>
      </c>
      <c r="B55" s="146">
        <v>114</v>
      </c>
      <c r="C55" s="79">
        <v>10.637647406243573</v>
      </c>
      <c r="D55" s="80">
        <v>0.91458366663511204</v>
      </c>
      <c r="E55" s="78">
        <v>114</v>
      </c>
      <c r="F55" s="93">
        <v>0.90349374731301491</v>
      </c>
      <c r="G55" s="89">
        <v>5.764987584956506E-2</v>
      </c>
      <c r="H55" s="93">
        <v>9.65062526869854E-2</v>
      </c>
      <c r="I55" s="89">
        <v>5.7649875849565109E-2</v>
      </c>
    </row>
    <row r="56" spans="1:9">
      <c r="A56" s="44" t="s">
        <v>549</v>
      </c>
      <c r="B56" s="147">
        <v>62</v>
      </c>
      <c r="C56" s="148">
        <v>11.682808932153797</v>
      </c>
      <c r="D56" s="149">
        <v>1.054441259174087</v>
      </c>
      <c r="E56" s="120">
        <v>62</v>
      </c>
      <c r="F56" s="150">
        <v>0.92545676567262258</v>
      </c>
      <c r="G56" s="92">
        <v>7.3962597580799483E-2</v>
      </c>
      <c r="H56" s="150">
        <v>7.4543234327377417E-2</v>
      </c>
      <c r="I56" s="92">
        <v>7.3962597580799497E-2</v>
      </c>
    </row>
    <row r="57" spans="1:9">
      <c r="A57" s="52" t="s">
        <v>550</v>
      </c>
      <c r="B57" s="146">
        <v>155</v>
      </c>
      <c r="C57" s="79">
        <v>12.163255292072567</v>
      </c>
      <c r="D57" s="80">
        <v>0.85881576793743719</v>
      </c>
      <c r="E57" s="78">
        <v>155</v>
      </c>
      <c r="F57" s="93">
        <v>0.84615388219372523</v>
      </c>
      <c r="G57" s="89">
        <v>5.8520643318482814E-2</v>
      </c>
      <c r="H57" s="93">
        <v>0.15384611780627502</v>
      </c>
      <c r="I57" s="89">
        <v>5.8520643318482862E-2</v>
      </c>
    </row>
    <row r="58" spans="1:9">
      <c r="A58" s="44" t="s">
        <v>551</v>
      </c>
      <c r="B58" s="147">
        <v>627</v>
      </c>
      <c r="C58" s="148">
        <v>12.762386664212144</v>
      </c>
      <c r="D58" s="149">
        <v>0.45147830545403517</v>
      </c>
      <c r="E58" s="120">
        <v>627</v>
      </c>
      <c r="F58" s="150">
        <v>0.84752590062364008</v>
      </c>
      <c r="G58" s="92">
        <v>2.8789867242576775E-2</v>
      </c>
      <c r="H58" s="150">
        <v>0.15247409937636291</v>
      </c>
      <c r="I58" s="92">
        <v>2.8789867242577E-2</v>
      </c>
    </row>
    <row r="61" spans="1:9" ht="18.75">
      <c r="A61" s="342" t="s">
        <v>353</v>
      </c>
      <c r="B61" s="342"/>
      <c r="C61" s="342"/>
      <c r="D61" s="342"/>
    </row>
    <row r="62" spans="1:9" ht="97.5" customHeight="1">
      <c r="A62" s="364" t="s">
        <v>383</v>
      </c>
      <c r="B62" s="364"/>
      <c r="C62" s="364"/>
      <c r="D62" s="364"/>
    </row>
    <row r="63" spans="1:9" ht="36" customHeight="1">
      <c r="A63" s="402" t="s">
        <v>119</v>
      </c>
      <c r="B63" s="391"/>
      <c r="C63" s="391"/>
      <c r="D63" s="391"/>
    </row>
    <row r="64" spans="1:9" ht="72">
      <c r="A64" s="32" t="s">
        <v>71</v>
      </c>
      <c r="B64" s="33" t="s">
        <v>72</v>
      </c>
      <c r="C64" s="34" t="s">
        <v>591</v>
      </c>
      <c r="D64" s="35" t="s">
        <v>73</v>
      </c>
    </row>
    <row r="65" spans="1:4" ht="84">
      <c r="A65" s="36"/>
      <c r="B65" s="37" t="s">
        <v>74</v>
      </c>
      <c r="C65" s="38" t="s">
        <v>120</v>
      </c>
      <c r="D65" s="39" t="s">
        <v>76</v>
      </c>
    </row>
    <row r="66" spans="1:4">
      <c r="A66" s="40" t="s">
        <v>350</v>
      </c>
      <c r="B66" s="151">
        <v>10264</v>
      </c>
      <c r="C66" s="79">
        <v>5.3006208479915813</v>
      </c>
      <c r="D66" s="80">
        <v>2.6719251846929002E-2</v>
      </c>
    </row>
    <row r="67" spans="1:4">
      <c r="A67" s="44" t="s">
        <v>351</v>
      </c>
      <c r="B67" s="44">
        <v>8119</v>
      </c>
      <c r="C67" s="153">
        <v>5.3656834675598448</v>
      </c>
      <c r="D67" s="154">
        <v>2.9672117658980486E-2</v>
      </c>
    </row>
    <row r="68" spans="1:4">
      <c r="A68" s="40" t="s">
        <v>352</v>
      </c>
      <c r="B68" s="48">
        <v>2145</v>
      </c>
      <c r="C68" s="79">
        <v>5.2304402162232035</v>
      </c>
      <c r="D68" s="80">
        <v>6.035898468368902E-2</v>
      </c>
    </row>
    <row r="69" spans="1:4">
      <c r="A69" s="44" t="s">
        <v>555</v>
      </c>
      <c r="B69" s="44">
        <v>2789</v>
      </c>
      <c r="C69" s="153">
        <v>5.3062641315361203</v>
      </c>
      <c r="D69" s="154">
        <v>5.019097510620249E-2</v>
      </c>
    </row>
    <row r="70" spans="1:4">
      <c r="A70" s="40" t="s">
        <v>556</v>
      </c>
      <c r="B70" s="48">
        <v>2425</v>
      </c>
      <c r="C70" s="79">
        <v>5.3805580608072923</v>
      </c>
      <c r="D70" s="80">
        <v>5.3661399645418467E-2</v>
      </c>
    </row>
    <row r="71" spans="1:4">
      <c r="A71" s="44" t="s">
        <v>536</v>
      </c>
      <c r="B71" s="44">
        <v>277</v>
      </c>
      <c r="C71" s="153">
        <v>5.3823901294193783</v>
      </c>
      <c r="D71" s="154">
        <v>0.1668182207354762</v>
      </c>
    </row>
    <row r="72" spans="1:4">
      <c r="A72" s="40" t="s">
        <v>537</v>
      </c>
      <c r="B72" s="48">
        <v>138</v>
      </c>
      <c r="C72" s="79">
        <v>5.6248834230725908</v>
      </c>
      <c r="D72" s="80">
        <v>0.20858672554171123</v>
      </c>
    </row>
    <row r="73" spans="1:4">
      <c r="A73" s="44" t="s">
        <v>538</v>
      </c>
      <c r="B73" s="44">
        <v>76</v>
      </c>
      <c r="C73" s="153">
        <v>4.8812570667870698</v>
      </c>
      <c r="D73" s="154">
        <v>0.33460565305954232</v>
      </c>
    </row>
    <row r="74" spans="1:4">
      <c r="A74" s="40" t="s">
        <v>539</v>
      </c>
      <c r="B74" s="48">
        <v>200</v>
      </c>
      <c r="C74" s="79">
        <v>5.6944077911037256</v>
      </c>
      <c r="D74" s="80">
        <v>0.17232752889148903</v>
      </c>
    </row>
    <row r="75" spans="1:4">
      <c r="A75" s="44" t="s">
        <v>540</v>
      </c>
      <c r="B75" s="44">
        <v>63</v>
      </c>
      <c r="C75" s="153">
        <v>5.5260010777082531</v>
      </c>
      <c r="D75" s="154">
        <v>0.32784865145788683</v>
      </c>
    </row>
    <row r="76" spans="1:4">
      <c r="A76" s="40" t="s">
        <v>541</v>
      </c>
      <c r="B76" s="151">
        <v>82</v>
      </c>
      <c r="C76" s="79">
        <v>5.9061794409450501</v>
      </c>
      <c r="D76" s="80">
        <v>0.25933926872589402</v>
      </c>
    </row>
    <row r="77" spans="1:4">
      <c r="A77" s="44" t="s">
        <v>542</v>
      </c>
      <c r="B77" s="152">
        <v>55</v>
      </c>
      <c r="C77" s="153">
        <v>5.5879233265294772</v>
      </c>
      <c r="D77" s="154">
        <v>0.31971336599780509</v>
      </c>
    </row>
    <row r="78" spans="1:4">
      <c r="A78" s="40" t="s">
        <v>543</v>
      </c>
      <c r="B78" s="78">
        <v>383</v>
      </c>
      <c r="C78" s="79">
        <v>5.3684609720066261</v>
      </c>
      <c r="D78" s="80">
        <v>0.14228012084314426</v>
      </c>
    </row>
    <row r="79" spans="1:4">
      <c r="A79" s="44" t="s">
        <v>616</v>
      </c>
      <c r="B79" s="152">
        <v>188</v>
      </c>
      <c r="C79" s="153">
        <v>5.3571156117042156</v>
      </c>
      <c r="D79" s="154">
        <v>0.20562484753078533</v>
      </c>
    </row>
    <row r="80" spans="1:4">
      <c r="A80" s="52" t="s">
        <v>544</v>
      </c>
      <c r="B80" s="151">
        <v>195</v>
      </c>
      <c r="C80" s="79">
        <v>5.3781471482288454</v>
      </c>
      <c r="D80" s="80">
        <v>0.1974752606968585</v>
      </c>
    </row>
    <row r="81" spans="1:26">
      <c r="A81" s="44" t="s">
        <v>545</v>
      </c>
      <c r="B81" s="152">
        <v>91</v>
      </c>
      <c r="C81" s="153">
        <v>4.9728238538058775</v>
      </c>
      <c r="D81" s="154">
        <v>0.35361029341415484</v>
      </c>
    </row>
    <row r="82" spans="1:26">
      <c r="A82" s="52" t="s">
        <v>546</v>
      </c>
      <c r="B82" s="151">
        <v>241</v>
      </c>
      <c r="C82" s="79">
        <v>5.5022462621161488</v>
      </c>
      <c r="D82" s="80">
        <v>0.16778707310719071</v>
      </c>
    </row>
    <row r="83" spans="1:26">
      <c r="A83" s="44" t="s">
        <v>557</v>
      </c>
      <c r="B83" s="152">
        <v>93</v>
      </c>
      <c r="C83" s="153">
        <v>5.5502006031254583</v>
      </c>
      <c r="D83" s="154">
        <v>0.26281549586253455</v>
      </c>
    </row>
    <row r="84" spans="1:26">
      <c r="A84" s="52" t="s">
        <v>558</v>
      </c>
      <c r="B84" s="151">
        <v>97</v>
      </c>
      <c r="C84" s="79">
        <v>5.6074146583729112</v>
      </c>
      <c r="D84" s="80">
        <v>0.25949716183107319</v>
      </c>
    </row>
    <row r="85" spans="1:26">
      <c r="A85" s="44" t="s">
        <v>549</v>
      </c>
      <c r="B85" s="152">
        <v>51</v>
      </c>
      <c r="C85" s="153">
        <v>5.2246088432364335</v>
      </c>
      <c r="D85" s="154">
        <v>0.39606901777031372</v>
      </c>
    </row>
    <row r="86" spans="1:26">
      <c r="A86" s="52" t="s">
        <v>550</v>
      </c>
      <c r="B86" s="151">
        <v>137</v>
      </c>
      <c r="C86" s="79">
        <v>5.3861249358376302</v>
      </c>
      <c r="D86" s="80">
        <v>0.19929975839434366</v>
      </c>
    </row>
    <row r="87" spans="1:26">
      <c r="A87" s="44" t="s">
        <v>551</v>
      </c>
      <c r="B87" s="152">
        <v>384</v>
      </c>
      <c r="C87" s="153">
        <v>5.2419539321251367</v>
      </c>
      <c r="D87" s="154">
        <v>0.1359510953807844</v>
      </c>
    </row>
    <row r="90" spans="1:26" ht="18.75">
      <c r="A90" s="342" t="s">
        <v>354</v>
      </c>
      <c r="B90" s="342"/>
      <c r="C90" s="342"/>
      <c r="D90" s="342"/>
      <c r="E90" s="342"/>
      <c r="F90" s="342"/>
      <c r="G90" s="342"/>
      <c r="H90" s="342"/>
      <c r="I90" s="342"/>
      <c r="J90" s="342"/>
      <c r="K90" s="342"/>
      <c r="L90" s="342"/>
      <c r="M90" s="342"/>
      <c r="N90" s="342"/>
      <c r="O90" s="342"/>
      <c r="P90" s="342"/>
      <c r="Q90" s="342"/>
      <c r="R90" s="342"/>
      <c r="S90" s="342"/>
      <c r="T90" s="342"/>
      <c r="U90" s="342"/>
      <c r="V90" s="342"/>
    </row>
    <row r="91" spans="1:26" ht="58.5" customHeight="1">
      <c r="A91" s="396" t="s">
        <v>607</v>
      </c>
      <c r="B91" s="396"/>
      <c r="C91" s="396"/>
      <c r="D91" s="396"/>
      <c r="E91" s="396"/>
      <c r="F91" s="396"/>
      <c r="G91" s="396"/>
      <c r="H91" s="396"/>
      <c r="I91" s="396"/>
      <c r="J91" s="396"/>
      <c r="K91" s="396"/>
      <c r="L91" s="396"/>
      <c r="M91" s="396"/>
      <c r="N91" s="396"/>
      <c r="O91" s="396"/>
      <c r="P91" s="396"/>
      <c r="Q91" s="396"/>
      <c r="R91" s="396"/>
      <c r="S91" s="396"/>
      <c r="T91" s="396"/>
      <c r="U91" s="396"/>
      <c r="V91" s="396"/>
    </row>
    <row r="92" spans="1:26" ht="38.25" customHeight="1">
      <c r="A92" s="59" t="s">
        <v>71</v>
      </c>
      <c r="B92" s="348" t="s">
        <v>290</v>
      </c>
      <c r="C92" s="348"/>
      <c r="D92" s="348"/>
      <c r="E92" s="348"/>
      <c r="F92" s="348"/>
      <c r="G92" s="348"/>
      <c r="H92" s="348"/>
      <c r="I92" s="392" t="s">
        <v>214</v>
      </c>
      <c r="J92" s="393"/>
      <c r="K92" s="393"/>
      <c r="L92" s="393"/>
      <c r="M92" s="393"/>
      <c r="N92" s="393"/>
      <c r="O92" s="394"/>
      <c r="P92" s="399" t="s">
        <v>230</v>
      </c>
      <c r="Q92" s="400"/>
      <c r="R92" s="400"/>
      <c r="S92" s="400"/>
      <c r="T92" s="400"/>
      <c r="U92" s="400"/>
      <c r="V92" s="401"/>
    </row>
    <row r="93" spans="1:26" ht="72">
      <c r="A93" s="32" t="s">
        <v>71</v>
      </c>
      <c r="B93" s="33" t="s">
        <v>72</v>
      </c>
      <c r="C93" s="33" t="s">
        <v>156</v>
      </c>
      <c r="D93" s="84" t="s">
        <v>85</v>
      </c>
      <c r="E93" s="33" t="s">
        <v>157</v>
      </c>
      <c r="F93" s="84" t="s">
        <v>86</v>
      </c>
      <c r="G93" s="33" t="s">
        <v>158</v>
      </c>
      <c r="H93" s="84" t="s">
        <v>87</v>
      </c>
      <c r="I93" s="60" t="s">
        <v>72</v>
      </c>
      <c r="J93" s="60" t="s">
        <v>156</v>
      </c>
      <c r="K93" s="83" t="s">
        <v>85</v>
      </c>
      <c r="L93" s="60" t="s">
        <v>157</v>
      </c>
      <c r="M93" s="83" t="s">
        <v>86</v>
      </c>
      <c r="N93" s="60" t="s">
        <v>158</v>
      </c>
      <c r="O93" s="83" t="s">
        <v>87</v>
      </c>
      <c r="P93" s="33" t="s">
        <v>72</v>
      </c>
      <c r="Q93" s="33" t="s">
        <v>156</v>
      </c>
      <c r="R93" s="84" t="s">
        <v>85</v>
      </c>
      <c r="S93" s="33" t="s">
        <v>157</v>
      </c>
      <c r="T93" s="84" t="s">
        <v>86</v>
      </c>
      <c r="U93" s="33" t="s">
        <v>158</v>
      </c>
      <c r="V93" s="84" t="s">
        <v>87</v>
      </c>
      <c r="Z93" s="261"/>
    </row>
    <row r="94" spans="1:26" ht="72">
      <c r="A94" s="36"/>
      <c r="B94" s="37" t="s">
        <v>74</v>
      </c>
      <c r="C94" s="37" t="s">
        <v>159</v>
      </c>
      <c r="D94" s="86" t="s">
        <v>88</v>
      </c>
      <c r="E94" s="37" t="s">
        <v>160</v>
      </c>
      <c r="F94" s="86" t="s">
        <v>88</v>
      </c>
      <c r="G94" s="37" t="s">
        <v>161</v>
      </c>
      <c r="H94" s="86" t="s">
        <v>88</v>
      </c>
      <c r="I94" s="63" t="s">
        <v>74</v>
      </c>
      <c r="J94" s="63" t="s">
        <v>159</v>
      </c>
      <c r="K94" s="85" t="s">
        <v>88</v>
      </c>
      <c r="L94" s="63" t="s">
        <v>160</v>
      </c>
      <c r="M94" s="85" t="s">
        <v>88</v>
      </c>
      <c r="N94" s="63" t="s">
        <v>161</v>
      </c>
      <c r="O94" s="85" t="s">
        <v>88</v>
      </c>
      <c r="P94" s="37" t="s">
        <v>74</v>
      </c>
      <c r="Q94" s="37" t="s">
        <v>159</v>
      </c>
      <c r="R94" s="86" t="s">
        <v>88</v>
      </c>
      <c r="S94" s="37" t="s">
        <v>160</v>
      </c>
      <c r="T94" s="86" t="s">
        <v>88</v>
      </c>
      <c r="U94" s="37" t="s">
        <v>161</v>
      </c>
      <c r="V94" s="86" t="s">
        <v>88</v>
      </c>
    </row>
    <row r="95" spans="1:26">
      <c r="A95" s="40" t="s">
        <v>350</v>
      </c>
      <c r="B95" s="151">
        <v>10489</v>
      </c>
      <c r="C95" s="155">
        <v>0.14565470592678445</v>
      </c>
      <c r="D95" s="89">
        <v>6.8901089120470905E-3</v>
      </c>
      <c r="E95" s="155">
        <v>0.11374187917114803</v>
      </c>
      <c r="F95" s="89">
        <v>6.2024792183501959E-3</v>
      </c>
      <c r="G95" s="155">
        <v>0.74060341490207637</v>
      </c>
      <c r="H95" s="89">
        <v>8.5586450335398603E-3</v>
      </c>
      <c r="I95" s="151">
        <v>8312</v>
      </c>
      <c r="J95" s="155">
        <v>0.17744309172835074</v>
      </c>
      <c r="K95" s="89">
        <v>8.3817383862121574E-3</v>
      </c>
      <c r="L95" s="155">
        <v>0.12725743355485764</v>
      </c>
      <c r="M95" s="89">
        <v>7.313386375707615E-3</v>
      </c>
      <c r="N95" s="155">
        <v>0.69529947471679554</v>
      </c>
      <c r="O95" s="89">
        <v>1.0095617870299223E-2</v>
      </c>
      <c r="P95" s="151">
        <v>9626</v>
      </c>
      <c r="Q95" s="155">
        <v>0.11803423183595713</v>
      </c>
      <c r="R95" s="89">
        <v>6.5795974512955092E-3</v>
      </c>
      <c r="S95" s="155">
        <v>9.8303118975524198E-2</v>
      </c>
      <c r="T95" s="89">
        <v>6.0723788117061752E-3</v>
      </c>
      <c r="U95" s="155">
        <v>0.7836626491885258</v>
      </c>
      <c r="V95" s="89">
        <v>8.3933003107519218E-3</v>
      </c>
    </row>
    <row r="96" spans="1:26">
      <c r="A96" s="44" t="s">
        <v>351</v>
      </c>
      <c r="B96" s="152">
        <v>8304</v>
      </c>
      <c r="C96" s="156">
        <v>0.14117205369926639</v>
      </c>
      <c r="D96" s="92">
        <v>7.6441833036109364E-3</v>
      </c>
      <c r="E96" s="156">
        <v>0.10912478663506393</v>
      </c>
      <c r="F96" s="92">
        <v>6.8466823336989779E-3</v>
      </c>
      <c r="G96" s="156">
        <v>0.74970315966567358</v>
      </c>
      <c r="H96" s="92">
        <v>9.5065635720665183E-3</v>
      </c>
      <c r="I96" s="152">
        <v>6561</v>
      </c>
      <c r="J96" s="156">
        <v>0.18181338833319408</v>
      </c>
      <c r="K96" s="92">
        <v>9.5242702048950346E-3</v>
      </c>
      <c r="L96" s="156">
        <v>0.11615278684473487</v>
      </c>
      <c r="M96" s="92">
        <v>7.9158101162414458E-3</v>
      </c>
      <c r="N96" s="156">
        <v>0.70203382482207477</v>
      </c>
      <c r="O96" s="92">
        <v>1.1290852762469328E-2</v>
      </c>
      <c r="P96" s="152">
        <v>7483</v>
      </c>
      <c r="Q96" s="156">
        <v>0.1084955098102466</v>
      </c>
      <c r="R96" s="92">
        <v>7.1946720727196229E-3</v>
      </c>
      <c r="S96" s="156">
        <v>9.3708972906481808E-2</v>
      </c>
      <c r="T96" s="92">
        <v>6.7429649963781906E-3</v>
      </c>
      <c r="U96" s="156">
        <v>0.79779551728327425</v>
      </c>
      <c r="V96" s="92">
        <v>9.2863435419072611E-3</v>
      </c>
    </row>
    <row r="97" spans="1:22">
      <c r="A97" s="40" t="s">
        <v>352</v>
      </c>
      <c r="B97" s="151">
        <v>2185</v>
      </c>
      <c r="C97" s="155">
        <v>0.15051110979782892</v>
      </c>
      <c r="D97" s="89">
        <v>1.5311803847051563E-2</v>
      </c>
      <c r="E97" s="155">
        <v>0.11874393262681573</v>
      </c>
      <c r="F97" s="89">
        <v>1.3863166707576252E-2</v>
      </c>
      <c r="G97" s="155">
        <v>0.73074495757535696</v>
      </c>
      <c r="H97" s="89">
        <v>1.897083291588551E-2</v>
      </c>
      <c r="I97" s="151">
        <v>1751</v>
      </c>
      <c r="J97" s="155">
        <v>0.17304257853131097</v>
      </c>
      <c r="K97" s="89">
        <v>1.809034547158658E-2</v>
      </c>
      <c r="L97" s="155">
        <v>0.13843885871080203</v>
      </c>
      <c r="M97" s="89">
        <v>1.6528919048341806E-2</v>
      </c>
      <c r="N97" s="155">
        <v>0.68851856275788648</v>
      </c>
      <c r="O97" s="89">
        <v>2.2117148296631313E-2</v>
      </c>
      <c r="P97" s="151">
        <v>2143</v>
      </c>
      <c r="Q97" s="155">
        <v>0.12820596607496557</v>
      </c>
      <c r="R97" s="89">
        <v>1.4463469709951262E-2</v>
      </c>
      <c r="S97" s="155">
        <v>0.10320214347204745</v>
      </c>
      <c r="T97" s="89">
        <v>1.317275053546128E-2</v>
      </c>
      <c r="U97" s="155">
        <v>0.76859189045298848</v>
      </c>
      <c r="V97" s="89">
        <v>1.821708124947044E-2</v>
      </c>
    </row>
    <row r="98" spans="1:22">
      <c r="A98" s="44" t="s">
        <v>555</v>
      </c>
      <c r="B98" s="152">
        <v>2845</v>
      </c>
      <c r="C98" s="156">
        <v>0.1442915680743001</v>
      </c>
      <c r="D98" s="92">
        <v>1.318531972383939E-2</v>
      </c>
      <c r="E98" s="156">
        <v>0.1150287662982637</v>
      </c>
      <c r="F98" s="92">
        <v>1.1979449532247444E-2</v>
      </c>
      <c r="G98" s="156">
        <v>0.74067966562744303</v>
      </c>
      <c r="H98" s="92">
        <v>1.642861506825033E-2</v>
      </c>
      <c r="I98" s="152">
        <v>2309</v>
      </c>
      <c r="J98" s="156">
        <v>0.17332737149967398</v>
      </c>
      <c r="K98" s="92">
        <v>1.5761614268358853E-2</v>
      </c>
      <c r="L98" s="156">
        <v>0.13394056075061961</v>
      </c>
      <c r="M98" s="92">
        <v>1.419179060737424E-2</v>
      </c>
      <c r="N98" s="156">
        <v>0.6927320677497123</v>
      </c>
      <c r="O98" s="92">
        <v>1.9191740326976209E-2</v>
      </c>
      <c r="P98" s="152">
        <v>2612</v>
      </c>
      <c r="Q98" s="156">
        <v>0.12004597762696335</v>
      </c>
      <c r="R98" s="92">
        <v>1.2735613501169149E-2</v>
      </c>
      <c r="S98" s="156">
        <v>9.0295196443287984E-2</v>
      </c>
      <c r="T98" s="92">
        <v>1.124204841565711E-2</v>
      </c>
      <c r="U98" s="156">
        <v>0.78965882592975345</v>
      </c>
      <c r="V98" s="92">
        <v>1.5948797571335709E-2</v>
      </c>
    </row>
    <row r="99" spans="1:22">
      <c r="A99" s="40" t="s">
        <v>556</v>
      </c>
      <c r="B99" s="151">
        <v>2467</v>
      </c>
      <c r="C99" s="155">
        <v>0.14068600845773183</v>
      </c>
      <c r="D99" s="89">
        <v>1.4013412479503863E-2</v>
      </c>
      <c r="E99" s="155">
        <v>0.10534506766834616</v>
      </c>
      <c r="F99" s="89">
        <v>1.2384722751844537E-2</v>
      </c>
      <c r="G99" s="155">
        <v>0.75396892387392167</v>
      </c>
      <c r="H99" s="89">
        <v>1.7338416989893086E-2</v>
      </c>
      <c r="I99" s="151">
        <v>1998</v>
      </c>
      <c r="J99" s="155">
        <v>0.18427909912248064</v>
      </c>
      <c r="K99" s="89">
        <v>1.7353251429491189E-2</v>
      </c>
      <c r="L99" s="155">
        <v>0.12149354054489839</v>
      </c>
      <c r="M99" s="89">
        <v>1.4642239357642989E-2</v>
      </c>
      <c r="N99" s="155">
        <v>0.69422736033261789</v>
      </c>
      <c r="O99" s="89">
        <v>2.0601655958299409E-2</v>
      </c>
      <c r="P99" s="151">
        <v>2246</v>
      </c>
      <c r="Q99" s="155">
        <v>9.7210198771833442E-2</v>
      </c>
      <c r="R99" s="89">
        <v>1.2531681824921021E-2</v>
      </c>
      <c r="S99" s="155">
        <v>9.6629948085390785E-2</v>
      </c>
      <c r="T99" s="89">
        <v>1.2498576073801821E-2</v>
      </c>
      <c r="U99" s="155">
        <v>0.80615985314277439</v>
      </c>
      <c r="V99" s="89">
        <v>1.6685276224377064E-2</v>
      </c>
    </row>
    <row r="100" spans="1:22">
      <c r="A100" s="44" t="s">
        <v>536</v>
      </c>
      <c r="B100" s="152">
        <v>281</v>
      </c>
      <c r="C100" s="156">
        <v>0.1550544104569731</v>
      </c>
      <c r="D100" s="92">
        <v>4.3420279930941191E-2</v>
      </c>
      <c r="E100" s="156">
        <v>6.5565824408323328E-2</v>
      </c>
      <c r="F100" s="92">
        <v>3.0556829920057232E-2</v>
      </c>
      <c r="G100" s="156">
        <v>0.77937976513470386</v>
      </c>
      <c r="H100" s="92">
        <v>4.9435058878587242E-2</v>
      </c>
      <c r="I100" s="152">
        <v>228</v>
      </c>
      <c r="J100" s="156">
        <v>0.19599642218560651</v>
      </c>
      <c r="K100" s="92">
        <v>5.2644085629786577E-2</v>
      </c>
      <c r="L100" s="156">
        <v>0.10819777146430748</v>
      </c>
      <c r="M100" s="92">
        <v>4.1882181661303738E-2</v>
      </c>
      <c r="N100" s="156">
        <v>0.69580580635008871</v>
      </c>
      <c r="O100" s="92">
        <v>6.059628346861097E-2</v>
      </c>
      <c r="P100" s="152">
        <v>251</v>
      </c>
      <c r="Q100" s="156">
        <v>0.12057628993130277</v>
      </c>
      <c r="R100" s="92">
        <v>4.1636840947974173E-2</v>
      </c>
      <c r="S100" s="156">
        <v>9.0617635791283124E-2</v>
      </c>
      <c r="T100" s="92">
        <v>3.7073893424897919E-2</v>
      </c>
      <c r="U100" s="156">
        <v>0.78880607427741434</v>
      </c>
      <c r="V100" s="92">
        <v>5.1516192656690753E-2</v>
      </c>
    </row>
    <row r="101" spans="1:22">
      <c r="A101" s="40" t="s">
        <v>537</v>
      </c>
      <c r="B101" s="151">
        <v>138</v>
      </c>
      <c r="C101" s="155">
        <v>9.4386035455113593E-2</v>
      </c>
      <c r="D101" s="89">
        <v>5.1625860958768817E-2</v>
      </c>
      <c r="E101" s="155">
        <v>5.7137165936419404E-2</v>
      </c>
      <c r="F101" s="89">
        <v>4.2713035378819715E-2</v>
      </c>
      <c r="G101" s="155">
        <v>0.84847679860846714</v>
      </c>
      <c r="H101" s="89">
        <v>6.1737525137506848E-2</v>
      </c>
      <c r="I101" s="151">
        <v>118</v>
      </c>
      <c r="J101" s="155">
        <v>0.12993747256455715</v>
      </c>
      <c r="K101" s="89">
        <v>6.3216151406410362E-2</v>
      </c>
      <c r="L101" s="155">
        <v>0.13221849034866964</v>
      </c>
      <c r="M101" s="89">
        <v>6.3623141599435912E-2</v>
      </c>
      <c r="N101" s="155">
        <v>0.7378440370867726</v>
      </c>
      <c r="O101" s="89">
        <v>8.0384097767750878E-2</v>
      </c>
      <c r="P101" s="151">
        <v>127</v>
      </c>
      <c r="Q101" s="155">
        <v>9.0625864643983686E-2</v>
      </c>
      <c r="R101" s="89">
        <v>5.3142728665903229E-2</v>
      </c>
      <c r="S101" s="155">
        <v>7.6213744263206373E-2</v>
      </c>
      <c r="T101" s="89">
        <v>4.9795117837054308E-2</v>
      </c>
      <c r="U101" s="155">
        <v>0.83316039109281004</v>
      </c>
      <c r="V101" s="89">
        <v>6.6694939436004422E-2</v>
      </c>
    </row>
    <row r="102" spans="1:22">
      <c r="A102" s="44" t="s">
        <v>538</v>
      </c>
      <c r="B102" s="152">
        <v>78</v>
      </c>
      <c r="C102" s="156">
        <v>0.27778791274485737</v>
      </c>
      <c r="D102" s="92">
        <v>0.10007842718619099</v>
      </c>
      <c r="E102" s="156">
        <v>0.12505934702451588</v>
      </c>
      <c r="F102" s="92">
        <v>7.7396716536074078E-2</v>
      </c>
      <c r="G102" s="156">
        <v>0.59715274023062637</v>
      </c>
      <c r="H102" s="92">
        <v>0.10852890585627824</v>
      </c>
      <c r="I102" s="152">
        <v>58</v>
      </c>
      <c r="J102" s="156">
        <v>0.35667038726378203</v>
      </c>
      <c r="K102" s="92">
        <v>0.12234849016647641</v>
      </c>
      <c r="L102" s="156">
        <v>8.64663111827631E-2</v>
      </c>
      <c r="M102" s="92">
        <v>8.0459931288414333E-2</v>
      </c>
      <c r="N102" s="156">
        <v>0.55686330155345443</v>
      </c>
      <c r="O102" s="92">
        <v>0.12627934312143355</v>
      </c>
      <c r="P102" s="152">
        <v>64</v>
      </c>
      <c r="Q102" s="156">
        <v>0.17312146368004211</v>
      </c>
      <c r="R102" s="92">
        <v>9.5594498765555661E-2</v>
      </c>
      <c r="S102" s="156">
        <v>0.12277407848859685</v>
      </c>
      <c r="T102" s="92">
        <v>8.5388153222377125E-2</v>
      </c>
      <c r="U102" s="156">
        <v>0.70410445783136066</v>
      </c>
      <c r="V102" s="92">
        <v>0.11196066484821797</v>
      </c>
    </row>
    <row r="103" spans="1:22">
      <c r="A103" s="40" t="s">
        <v>539</v>
      </c>
      <c r="B103" s="151">
        <v>201</v>
      </c>
      <c r="C103" s="155">
        <v>0.1089184110443696</v>
      </c>
      <c r="D103" s="89">
        <v>4.4822803140915926E-2</v>
      </c>
      <c r="E103" s="155">
        <v>8.8176345025924141E-2</v>
      </c>
      <c r="F103" s="89">
        <v>4.1190856988032175E-2</v>
      </c>
      <c r="G103" s="155">
        <v>0.80290524392970508</v>
      </c>
      <c r="H103" s="89">
        <v>5.6186801806933341E-2</v>
      </c>
      <c r="I103" s="151">
        <v>177</v>
      </c>
      <c r="J103" s="155">
        <v>0.15016909024430625</v>
      </c>
      <c r="K103" s="89">
        <v>5.4208050108996528E-2</v>
      </c>
      <c r="L103" s="155">
        <v>3.3836084567159613E-2</v>
      </c>
      <c r="M103" s="89">
        <v>3.0534784848926137E-2</v>
      </c>
      <c r="N103" s="155">
        <v>0.81599482518853506</v>
      </c>
      <c r="O103" s="89">
        <v>5.8434812172540554E-2</v>
      </c>
      <c r="P103" s="151">
        <v>176</v>
      </c>
      <c r="Q103" s="155">
        <v>7.5224145758834404E-2</v>
      </c>
      <c r="R103" s="89">
        <v>4.1498509334926909E-2</v>
      </c>
      <c r="S103" s="155">
        <v>5.1413176725343485E-2</v>
      </c>
      <c r="T103" s="89">
        <v>3.5781451050097758E-2</v>
      </c>
      <c r="U103" s="155">
        <v>0.87336267751582186</v>
      </c>
      <c r="V103" s="89">
        <v>5.093067475986407E-2</v>
      </c>
    </row>
    <row r="104" spans="1:22">
      <c r="A104" s="44" t="s">
        <v>540</v>
      </c>
      <c r="B104" s="152">
        <v>63</v>
      </c>
      <c r="C104" s="156">
        <v>0.16537370074888075</v>
      </c>
      <c r="D104" s="92">
        <v>9.4945782607815277E-2</v>
      </c>
      <c r="E104" s="156">
        <v>0.1780451086657443</v>
      </c>
      <c r="F104" s="92">
        <v>9.7231008071769917E-2</v>
      </c>
      <c r="G104" s="156">
        <v>0.65658119058537512</v>
      </c>
      <c r="H104" s="92">
        <v>0.11675268569909875</v>
      </c>
      <c r="I104" s="152">
        <v>60</v>
      </c>
      <c r="J104" s="156">
        <v>0.14941447865359347</v>
      </c>
      <c r="K104" s="92">
        <v>9.4198411012126768E-2</v>
      </c>
      <c r="L104" s="156">
        <v>6.6986016550571209E-2</v>
      </c>
      <c r="M104" s="92">
        <v>7.2974354510548442E-2</v>
      </c>
      <c r="N104" s="156">
        <v>0.78359950479583562</v>
      </c>
      <c r="O104" s="92">
        <v>0.10586274463952072</v>
      </c>
      <c r="P104" s="152">
        <v>53</v>
      </c>
      <c r="Q104" s="156">
        <v>7.1800394171409154E-2</v>
      </c>
      <c r="R104" s="92">
        <v>8.0121036002045579E-2</v>
      </c>
      <c r="S104" s="156">
        <v>2.9949777478750585E-2</v>
      </c>
      <c r="T104" s="92">
        <v>6.4331841653844091E-2</v>
      </c>
      <c r="U104" s="156">
        <v>0.89824982834984013</v>
      </c>
      <c r="V104" s="92">
        <v>8.9000721167840746E-2</v>
      </c>
    </row>
    <row r="105" spans="1:22">
      <c r="A105" s="40" t="s">
        <v>541</v>
      </c>
      <c r="B105" s="151">
        <v>83</v>
      </c>
      <c r="C105" s="155">
        <v>6.7001117406470079E-2</v>
      </c>
      <c r="D105" s="89">
        <v>6.0403211552880927E-2</v>
      </c>
      <c r="E105" s="155">
        <v>6.3070411484451375E-2</v>
      </c>
      <c r="F105" s="89">
        <v>5.9206899099076983E-2</v>
      </c>
      <c r="G105" s="155">
        <v>0.86992847110907856</v>
      </c>
      <c r="H105" s="89">
        <v>7.5945317947767904E-2</v>
      </c>
      <c r="I105" s="151">
        <v>70</v>
      </c>
      <c r="J105" s="155">
        <v>9.7750136185805678E-2</v>
      </c>
      <c r="K105" s="89">
        <v>7.541406639869494E-2</v>
      </c>
      <c r="L105" s="155">
        <v>2.5658633945997118E-2</v>
      </c>
      <c r="M105" s="89">
        <v>5.128992860737247E-2</v>
      </c>
      <c r="N105" s="155">
        <v>0.87659122986819726</v>
      </c>
      <c r="O105" s="89">
        <v>8.1571279528653326E-2</v>
      </c>
      <c r="P105" s="151">
        <v>71</v>
      </c>
      <c r="Q105" s="155">
        <v>6.9710133208786967E-2</v>
      </c>
      <c r="R105" s="89">
        <v>6.6961979069722968E-2</v>
      </c>
      <c r="S105" s="155">
        <v>9.0102695947350125E-2</v>
      </c>
      <c r="T105" s="89">
        <v>7.2820500352132042E-2</v>
      </c>
      <c r="U105" s="155">
        <v>0.84018717084386285</v>
      </c>
      <c r="V105" s="89">
        <v>8.8329007817978991E-2</v>
      </c>
    </row>
    <row r="106" spans="1:22">
      <c r="A106" s="44" t="s">
        <v>542</v>
      </c>
      <c r="B106" s="152">
        <v>55</v>
      </c>
      <c r="C106" s="156">
        <v>0.10678655901118025</v>
      </c>
      <c r="D106" s="92">
        <v>8.8542818663010697E-2</v>
      </c>
      <c r="E106" s="156">
        <v>2.708399839649047E-2</v>
      </c>
      <c r="F106" s="92">
        <v>6.1422592338449128E-2</v>
      </c>
      <c r="G106" s="156">
        <v>0.86612944259232938</v>
      </c>
      <c r="H106" s="92">
        <v>9.5139312079646932E-2</v>
      </c>
      <c r="I106" s="152">
        <v>47</v>
      </c>
      <c r="J106" s="156">
        <v>0.22011973507059873</v>
      </c>
      <c r="K106" s="92">
        <v>0.11995839056198357</v>
      </c>
      <c r="L106" s="156">
        <v>5.2161164105096443E-3</v>
      </c>
      <c r="M106" s="92">
        <v>5.7452246356267743E-2</v>
      </c>
      <c r="N106" s="156">
        <v>0.77466414851889165</v>
      </c>
      <c r="O106" s="92">
        <v>0.12075881741691422</v>
      </c>
      <c r="P106" s="152">
        <v>52</v>
      </c>
      <c r="Q106" s="156">
        <v>8.6125627677578309E-2</v>
      </c>
      <c r="R106" s="92">
        <v>8.5483645190790325E-2</v>
      </c>
      <c r="S106" s="156">
        <v>2.2957136536738792E-2</v>
      </c>
      <c r="T106" s="92">
        <v>6.1978694686430101E-2</v>
      </c>
      <c r="U106" s="156">
        <v>0.89091723578568283</v>
      </c>
      <c r="V106" s="92">
        <v>9.1898600071582404E-2</v>
      </c>
    </row>
    <row r="107" spans="1:22">
      <c r="A107" s="40" t="s">
        <v>543</v>
      </c>
      <c r="B107" s="151">
        <v>390</v>
      </c>
      <c r="C107" s="155">
        <v>0.14276761659503959</v>
      </c>
      <c r="D107" s="89">
        <v>3.5618257756879525E-2</v>
      </c>
      <c r="E107" s="155">
        <v>0.10409437862390822</v>
      </c>
      <c r="F107" s="89">
        <v>3.1287945083441723E-2</v>
      </c>
      <c r="G107" s="155">
        <v>0.75313800478105331</v>
      </c>
      <c r="H107" s="89">
        <v>4.3596632779982429E-2</v>
      </c>
      <c r="I107" s="151">
        <v>300</v>
      </c>
      <c r="J107" s="155">
        <v>0.19681147200615054</v>
      </c>
      <c r="K107" s="89">
        <v>4.5951896412032817E-2</v>
      </c>
      <c r="L107" s="155">
        <v>9.8156694842058398E-2</v>
      </c>
      <c r="M107" s="89">
        <v>3.4932910046918897E-2</v>
      </c>
      <c r="N107" s="155">
        <v>0.70503183315179097</v>
      </c>
      <c r="O107" s="89">
        <v>5.2448086348170254E-2</v>
      </c>
      <c r="P107" s="151">
        <v>377</v>
      </c>
      <c r="Q107" s="155">
        <v>0.10673696209647771</v>
      </c>
      <c r="R107" s="89">
        <v>3.2169906988051861E-2</v>
      </c>
      <c r="S107" s="155">
        <v>7.9295598747236962E-2</v>
      </c>
      <c r="T107" s="89">
        <v>2.8377779515815819E-2</v>
      </c>
      <c r="U107" s="155">
        <v>0.81396743915628633</v>
      </c>
      <c r="V107" s="89">
        <v>4.0141927968480838E-2</v>
      </c>
    </row>
    <row r="108" spans="1:22">
      <c r="A108" s="44" t="s">
        <v>616</v>
      </c>
      <c r="B108" s="152">
        <v>194</v>
      </c>
      <c r="C108" s="156">
        <v>0.15148074834267977</v>
      </c>
      <c r="D108" s="92">
        <v>5.1911436284533444E-2</v>
      </c>
      <c r="E108" s="156">
        <v>0.11299095707089117</v>
      </c>
      <c r="F108" s="92">
        <v>4.6322198224913805E-2</v>
      </c>
      <c r="G108" s="156">
        <v>0.73552829458642766</v>
      </c>
      <c r="H108" s="92">
        <v>6.3044819579323383E-2</v>
      </c>
      <c r="I108" s="152">
        <v>144</v>
      </c>
      <c r="J108" s="156">
        <v>0.20085543111942694</v>
      </c>
      <c r="K108" s="92">
        <v>6.6836695007060895E-2</v>
      </c>
      <c r="L108" s="156">
        <v>7.3485375002587811E-2</v>
      </c>
      <c r="M108" s="92">
        <v>4.5850998867682353E-2</v>
      </c>
      <c r="N108" s="156">
        <v>0.72565919387798516</v>
      </c>
      <c r="O108" s="92">
        <v>7.3850337350826689E-2</v>
      </c>
      <c r="P108" s="152">
        <v>181</v>
      </c>
      <c r="Q108" s="156">
        <v>0.12908097016705405</v>
      </c>
      <c r="R108" s="92">
        <v>5.0575969180302646E-2</v>
      </c>
      <c r="S108" s="156">
        <v>5.7894446045985808E-2</v>
      </c>
      <c r="T108" s="92">
        <v>3.6879207473736082E-2</v>
      </c>
      <c r="U108" s="156">
        <v>0.81302458378695908</v>
      </c>
      <c r="V108" s="92">
        <v>5.8115814583517424E-2</v>
      </c>
    </row>
    <row r="109" spans="1:22">
      <c r="A109" s="52" t="s">
        <v>544</v>
      </c>
      <c r="B109" s="151">
        <v>196</v>
      </c>
      <c r="C109" s="155">
        <v>0.13528746214525106</v>
      </c>
      <c r="D109" s="89">
        <v>4.9447379717873628E-2</v>
      </c>
      <c r="E109" s="155">
        <v>9.6456736638738591E-2</v>
      </c>
      <c r="F109" s="89">
        <v>4.3266981023813572E-2</v>
      </c>
      <c r="G109" s="155">
        <v>0.76825580121600945</v>
      </c>
      <c r="H109" s="89">
        <v>6.0147898988982838E-2</v>
      </c>
      <c r="I109" s="151">
        <v>156</v>
      </c>
      <c r="J109" s="155">
        <v>0.19361261879416564</v>
      </c>
      <c r="K109" s="89">
        <v>6.3395931107374279E-2</v>
      </c>
      <c r="L109" s="155">
        <v>0.1176722063746331</v>
      </c>
      <c r="M109" s="89">
        <v>5.2688429996980687E-2</v>
      </c>
      <c r="N109" s="155">
        <v>0.68871517483120048</v>
      </c>
      <c r="O109" s="89">
        <v>7.350935234091828E-2</v>
      </c>
      <c r="P109" s="151">
        <v>196</v>
      </c>
      <c r="Q109" s="155">
        <v>8.7983240925982503E-2</v>
      </c>
      <c r="R109" s="89">
        <v>4.170481974749541E-2</v>
      </c>
      <c r="S109" s="155">
        <v>9.7257964730042126E-2</v>
      </c>
      <c r="T109" s="89">
        <v>4.3410141314388313E-2</v>
      </c>
      <c r="U109" s="155">
        <v>0.8147587943439748</v>
      </c>
      <c r="V109" s="89">
        <v>5.5650731547456873E-2</v>
      </c>
    </row>
    <row r="110" spans="1:22">
      <c r="A110" s="44" t="s">
        <v>545</v>
      </c>
      <c r="B110" s="152">
        <v>92</v>
      </c>
      <c r="C110" s="156">
        <v>0.22533730933683846</v>
      </c>
      <c r="D110" s="92">
        <v>8.677462850310845E-2</v>
      </c>
      <c r="E110" s="156">
        <v>8.735832072615532E-2</v>
      </c>
      <c r="F110" s="92">
        <v>6.2456872130477452E-2</v>
      </c>
      <c r="G110" s="156">
        <v>0.68730436993700617</v>
      </c>
      <c r="H110" s="92">
        <v>9.5258364110656552E-2</v>
      </c>
      <c r="I110" s="152">
        <v>65</v>
      </c>
      <c r="J110" s="156">
        <v>0.3294149964201285</v>
      </c>
      <c r="K110" s="92">
        <v>0.11399892952518016</v>
      </c>
      <c r="L110" s="156">
        <v>0.11594441770375619</v>
      </c>
      <c r="M110" s="92">
        <v>8.3094818322173872E-2</v>
      </c>
      <c r="N110" s="156">
        <v>0.55464058587611509</v>
      </c>
      <c r="O110" s="92">
        <v>0.11974623618950042</v>
      </c>
      <c r="P110" s="152">
        <v>89</v>
      </c>
      <c r="Q110" s="156">
        <v>0.17951158695197111</v>
      </c>
      <c r="R110" s="92">
        <v>8.189494391313086E-2</v>
      </c>
      <c r="S110" s="156">
        <v>0.10119341669445663</v>
      </c>
      <c r="T110" s="92">
        <v>6.6990777879899627E-2</v>
      </c>
      <c r="U110" s="156">
        <v>0.7192949963535723</v>
      </c>
      <c r="V110" s="92">
        <v>9.4119014281884697E-2</v>
      </c>
    </row>
    <row r="111" spans="1:22">
      <c r="A111" s="52" t="s">
        <v>546</v>
      </c>
      <c r="B111" s="151">
        <v>250</v>
      </c>
      <c r="C111" s="155">
        <v>0.12080252357844497</v>
      </c>
      <c r="D111" s="89">
        <v>4.1753392143175756E-2</v>
      </c>
      <c r="E111" s="155">
        <v>8.3370024124287415E-2</v>
      </c>
      <c r="F111" s="89">
        <v>3.590089566662498E-2</v>
      </c>
      <c r="G111" s="155">
        <v>0.79582745229726859</v>
      </c>
      <c r="H111" s="89">
        <v>5.1008839392489701E-2</v>
      </c>
      <c r="I111" s="151">
        <v>218</v>
      </c>
      <c r="J111" s="155">
        <v>0.14527169030866702</v>
      </c>
      <c r="K111" s="89">
        <v>4.8147945380718864E-2</v>
      </c>
      <c r="L111" s="155">
        <v>0.1004317048074817</v>
      </c>
      <c r="M111" s="89">
        <v>4.160012834363825E-2</v>
      </c>
      <c r="N111" s="155">
        <v>0.75429660488385397</v>
      </c>
      <c r="O111" s="89">
        <v>5.8145914089950873E-2</v>
      </c>
      <c r="P111" s="151">
        <v>210</v>
      </c>
      <c r="Q111" s="155">
        <v>0.1096868333233674</v>
      </c>
      <c r="R111" s="89">
        <v>4.3940810463514841E-2</v>
      </c>
      <c r="S111" s="155">
        <v>8.4439841246458938E-2</v>
      </c>
      <c r="T111" s="89">
        <v>3.9554795975883766E-2</v>
      </c>
      <c r="U111" s="155">
        <v>0.80587332543017465</v>
      </c>
      <c r="V111" s="89">
        <v>5.4670864874295615E-2</v>
      </c>
    </row>
    <row r="112" spans="1:22">
      <c r="A112" s="44" t="s">
        <v>557</v>
      </c>
      <c r="B112" s="152">
        <v>98</v>
      </c>
      <c r="C112" s="156">
        <v>0.13631879956542986</v>
      </c>
      <c r="D112" s="92">
        <v>7.0823234212648301E-2</v>
      </c>
      <c r="E112" s="156">
        <v>9.2969888682986501E-2</v>
      </c>
      <c r="F112" s="92">
        <v>6.1696825180736561E-2</v>
      </c>
      <c r="G112" s="156">
        <v>0.77071131175158381</v>
      </c>
      <c r="H112" s="92">
        <v>8.4563584700425534E-2</v>
      </c>
      <c r="I112" s="152">
        <v>85</v>
      </c>
      <c r="J112" s="156">
        <v>0.1575188103406556</v>
      </c>
      <c r="K112" s="92">
        <v>8.0171987092785627E-2</v>
      </c>
      <c r="L112" s="156">
        <v>0.16768592837541568</v>
      </c>
      <c r="M112" s="92">
        <v>8.1907269945138361E-2</v>
      </c>
      <c r="N112" s="156">
        <v>0.67479526128392908</v>
      </c>
      <c r="O112" s="92">
        <v>9.9917105408043647E-2</v>
      </c>
      <c r="P112" s="152">
        <v>81</v>
      </c>
      <c r="Q112" s="156">
        <v>9.1045074617200253E-2</v>
      </c>
      <c r="R112" s="92">
        <v>6.7953660845175512E-2</v>
      </c>
      <c r="S112" s="156">
        <v>0.11125877185593294</v>
      </c>
      <c r="T112" s="92">
        <v>7.2847506312242835E-2</v>
      </c>
      <c r="U112" s="156">
        <v>0.79769615352686674</v>
      </c>
      <c r="V112" s="92">
        <v>8.9316813474883947E-2</v>
      </c>
    </row>
    <row r="113" spans="1:22">
      <c r="A113" s="52" t="s">
        <v>558</v>
      </c>
      <c r="B113" s="151">
        <v>99</v>
      </c>
      <c r="C113" s="155">
        <v>8.2642796350994974E-2</v>
      </c>
      <c r="D113" s="89">
        <v>5.8816599570312642E-2</v>
      </c>
      <c r="E113" s="155">
        <v>5.1810285757617057E-2</v>
      </c>
      <c r="F113" s="89">
        <v>5.0019373655387223E-2</v>
      </c>
      <c r="G113" s="155">
        <v>0.86554691789138805</v>
      </c>
      <c r="H113" s="89">
        <v>7.0104645845851271E-2</v>
      </c>
      <c r="I113" s="151">
        <v>89</v>
      </c>
      <c r="J113" s="155">
        <v>0.12175530913678591</v>
      </c>
      <c r="K113" s="89">
        <v>7.1534126474810639E-2</v>
      </c>
      <c r="L113" s="155">
        <v>2.7350002677550722E-2</v>
      </c>
      <c r="M113" s="89">
        <v>4.4192026945481806E-2</v>
      </c>
      <c r="N113" s="155">
        <v>0.85089468818566305</v>
      </c>
      <c r="O113" s="89">
        <v>7.6828735360545269E-2</v>
      </c>
      <c r="P113" s="151">
        <v>81</v>
      </c>
      <c r="Q113" s="155">
        <v>0.15770211789499153</v>
      </c>
      <c r="R113" s="89">
        <v>8.2204980325316965E-2</v>
      </c>
      <c r="S113" s="155">
        <v>3.3782798660014664E-2</v>
      </c>
      <c r="T113" s="89">
        <v>4.9760576067060927E-2</v>
      </c>
      <c r="U113" s="155">
        <v>0.80851508344499379</v>
      </c>
      <c r="V113" s="89">
        <v>8.7733801859947738E-2</v>
      </c>
    </row>
    <row r="114" spans="1:22">
      <c r="A114" s="44" t="s">
        <v>549</v>
      </c>
      <c r="B114" s="152">
        <v>53</v>
      </c>
      <c r="C114" s="156">
        <v>0.16073589634001612</v>
      </c>
      <c r="D114" s="92">
        <v>0.10276440480515893</v>
      </c>
      <c r="E114" s="156">
        <v>0.12267471433874164</v>
      </c>
      <c r="F114" s="92">
        <v>9.4370252885529415E-2</v>
      </c>
      <c r="G114" s="156">
        <v>0.71658938932124217</v>
      </c>
      <c r="H114" s="92">
        <v>0.12123401003787176</v>
      </c>
      <c r="I114" s="152">
        <v>44</v>
      </c>
      <c r="J114" s="156">
        <v>0.16738894394170084</v>
      </c>
      <c r="K114" s="92">
        <v>0.11439695987304667</v>
      </c>
      <c r="L114" s="156">
        <v>0.11498666749810643</v>
      </c>
      <c r="M114" s="92">
        <v>0.10224203307414961</v>
      </c>
      <c r="N114" s="156">
        <v>0.71762438856019273</v>
      </c>
      <c r="O114" s="92">
        <v>0.13235184476853468</v>
      </c>
      <c r="P114" s="152">
        <v>48</v>
      </c>
      <c r="Q114" s="156">
        <v>5.9924123968914972E-2</v>
      </c>
      <c r="R114" s="92">
        <v>8.0852265462158068E-2</v>
      </c>
      <c r="S114" s="156">
        <v>0.12391518258194141</v>
      </c>
      <c r="T114" s="92">
        <v>9.9801054391567792E-2</v>
      </c>
      <c r="U114" s="156">
        <v>0.81616069344914366</v>
      </c>
      <c r="V114" s="92">
        <v>0.1126017627891779</v>
      </c>
    </row>
    <row r="115" spans="1:22">
      <c r="A115" s="52" t="s">
        <v>550</v>
      </c>
      <c r="B115" s="151">
        <v>138</v>
      </c>
      <c r="C115" s="155">
        <v>6.5996537163658067E-2</v>
      </c>
      <c r="D115" s="89">
        <v>4.5067494797136398E-2</v>
      </c>
      <c r="E115" s="155">
        <v>0.13778048604711879</v>
      </c>
      <c r="F115" s="89">
        <v>5.9595971126694625E-2</v>
      </c>
      <c r="G115" s="155">
        <v>0.79622297678922227</v>
      </c>
      <c r="H115" s="89">
        <v>6.8613198900676131E-2</v>
      </c>
      <c r="I115" s="151">
        <v>109</v>
      </c>
      <c r="J115" s="155">
        <v>0.17482139822979309</v>
      </c>
      <c r="K115" s="89">
        <v>7.3258537661157808E-2</v>
      </c>
      <c r="L115" s="155">
        <v>0.20733254566459017</v>
      </c>
      <c r="M115" s="89">
        <v>7.7642805990351033E-2</v>
      </c>
      <c r="N115" s="155">
        <v>0.61784605610561594</v>
      </c>
      <c r="O115" s="89">
        <v>9.160865298996064E-2</v>
      </c>
      <c r="P115" s="151">
        <v>127</v>
      </c>
      <c r="Q115" s="155">
        <v>8.6475904945991874E-2</v>
      </c>
      <c r="R115" s="89">
        <v>5.2212504881370587E-2</v>
      </c>
      <c r="S115" s="155">
        <v>0.11532584476181834</v>
      </c>
      <c r="T115" s="89">
        <v>5.8197983690379006E-2</v>
      </c>
      <c r="U115" s="155">
        <v>0.79819825029218938</v>
      </c>
      <c r="V115" s="89">
        <v>7.1285954711989369E-2</v>
      </c>
    </row>
    <row r="116" spans="1:22">
      <c r="A116" s="44" t="s">
        <v>551</v>
      </c>
      <c r="B116" s="152">
        <v>398</v>
      </c>
      <c r="C116" s="156">
        <v>0.1448491934884982</v>
      </c>
      <c r="D116" s="92">
        <v>3.5459388594192294E-2</v>
      </c>
      <c r="E116" s="156">
        <v>0.12664874882925414</v>
      </c>
      <c r="F116" s="92">
        <v>3.3586451286104983E-2</v>
      </c>
      <c r="G116" s="156">
        <v>0.72850205768224385</v>
      </c>
      <c r="H116" s="92">
        <v>4.4478258829550775E-2</v>
      </c>
      <c r="I116" s="152">
        <v>326</v>
      </c>
      <c r="J116" s="156">
        <v>0.16078485862874664</v>
      </c>
      <c r="K116" s="92">
        <v>4.0855352039689381E-2</v>
      </c>
      <c r="L116" s="156">
        <v>0.14834860393796398</v>
      </c>
      <c r="M116" s="92">
        <v>3.9591997050998883E-2</v>
      </c>
      <c r="N116" s="156">
        <v>0.69086653743328597</v>
      </c>
      <c r="O116" s="92">
        <v>5.0983986174625712E-2</v>
      </c>
      <c r="P116" s="152">
        <v>386</v>
      </c>
      <c r="Q116" s="156">
        <v>0.13799016417177382</v>
      </c>
      <c r="R116" s="92">
        <v>3.5318814787773913E-2</v>
      </c>
      <c r="S116" s="156">
        <v>8.6869113238268542E-2</v>
      </c>
      <c r="T116" s="92">
        <v>2.9142617577180688E-2</v>
      </c>
      <c r="U116" s="156">
        <v>0.77514072258995437</v>
      </c>
      <c r="V116" s="92">
        <v>4.2467784403426752E-2</v>
      </c>
    </row>
    <row r="119" spans="1:22" ht="18.75">
      <c r="A119" s="342" t="s">
        <v>4</v>
      </c>
      <c r="B119" s="342"/>
      <c r="C119" s="342"/>
      <c r="D119" s="342"/>
    </row>
    <row r="120" spans="1:22" ht="139.5" customHeight="1">
      <c r="A120" s="352" t="s">
        <v>384</v>
      </c>
      <c r="B120" s="375"/>
      <c r="C120" s="375"/>
      <c r="D120" s="375"/>
    </row>
    <row r="121" spans="1:22" ht="41.25" customHeight="1">
      <c r="A121" s="353" t="s">
        <v>385</v>
      </c>
      <c r="B121" s="354"/>
      <c r="C121" s="354"/>
      <c r="D121" s="354"/>
    </row>
    <row r="122" spans="1:22" ht="72">
      <c r="A122" s="32" t="s">
        <v>71</v>
      </c>
      <c r="B122" s="33" t="s">
        <v>72</v>
      </c>
      <c r="C122" s="34" t="s">
        <v>592</v>
      </c>
      <c r="D122" s="35" t="s">
        <v>73</v>
      </c>
    </row>
    <row r="123" spans="1:22" ht="108">
      <c r="A123" s="36"/>
      <c r="B123" s="37" t="s">
        <v>74</v>
      </c>
      <c r="C123" s="38" t="s">
        <v>386</v>
      </c>
      <c r="D123" s="39" t="s">
        <v>76</v>
      </c>
    </row>
    <row r="124" spans="1:22">
      <c r="A124" s="40" t="s">
        <v>350</v>
      </c>
      <c r="B124" s="78">
        <v>12672</v>
      </c>
      <c r="C124" s="79">
        <v>4.3322968797313424</v>
      </c>
      <c r="D124" s="80">
        <v>2.3528368041419931E-2</v>
      </c>
    </row>
    <row r="125" spans="1:22">
      <c r="A125" s="44" t="s">
        <v>351</v>
      </c>
      <c r="B125" s="114">
        <v>9414</v>
      </c>
      <c r="C125" s="115">
        <v>4.3457102995732457</v>
      </c>
      <c r="D125" s="116">
        <v>2.7090466565666174E-2</v>
      </c>
    </row>
    <row r="126" spans="1:22">
      <c r="A126" s="40" t="s">
        <v>352</v>
      </c>
      <c r="B126" s="78">
        <v>3258</v>
      </c>
      <c r="C126" s="79">
        <v>4.3211313247473422</v>
      </c>
      <c r="D126" s="80">
        <v>4.7156791440410843E-2</v>
      </c>
    </row>
    <row r="127" spans="1:22">
      <c r="A127" s="44" t="s">
        <v>555</v>
      </c>
      <c r="B127" s="114">
        <v>3331</v>
      </c>
      <c r="C127" s="115">
        <v>4.3559884103933966</v>
      </c>
      <c r="D127" s="116">
        <v>4.6416869700554905E-2</v>
      </c>
    </row>
    <row r="128" spans="1:22">
      <c r="A128" s="40" t="s">
        <v>556</v>
      </c>
      <c r="B128" s="78">
        <v>2760</v>
      </c>
      <c r="C128" s="79">
        <v>4.3810743339557225</v>
      </c>
      <c r="D128" s="80">
        <v>5.0503599166320912E-2</v>
      </c>
    </row>
    <row r="129" spans="1:4">
      <c r="A129" s="44" t="s">
        <v>536</v>
      </c>
      <c r="B129" s="114">
        <v>313</v>
      </c>
      <c r="C129" s="115">
        <v>4.327283206163032</v>
      </c>
      <c r="D129" s="116">
        <v>0.15048006043702314</v>
      </c>
    </row>
    <row r="130" spans="1:4">
      <c r="A130" s="40" t="s">
        <v>537</v>
      </c>
      <c r="B130" s="78">
        <v>155</v>
      </c>
      <c r="C130" s="79">
        <v>4.4021719048471244</v>
      </c>
      <c r="D130" s="80">
        <v>0.19781336701639049</v>
      </c>
    </row>
    <row r="131" spans="1:4">
      <c r="A131" s="44" t="s">
        <v>538</v>
      </c>
      <c r="B131" s="114">
        <v>86</v>
      </c>
      <c r="C131" s="115">
        <v>4.2195908005887901</v>
      </c>
      <c r="D131" s="116">
        <v>0.29369915713417455</v>
      </c>
    </row>
    <row r="132" spans="1:4">
      <c r="A132" s="40" t="s">
        <v>539</v>
      </c>
      <c r="B132" s="78">
        <v>237</v>
      </c>
      <c r="C132" s="79">
        <v>4.2672889998366426</v>
      </c>
      <c r="D132" s="80">
        <v>0.17366560180125781</v>
      </c>
    </row>
    <row r="133" spans="1:4">
      <c r="A133" s="44" t="s">
        <v>540</v>
      </c>
      <c r="B133" s="114">
        <v>81</v>
      </c>
      <c r="C133" s="115">
        <v>3.9400539729223443</v>
      </c>
      <c r="D133" s="116">
        <v>0.32381875996795723</v>
      </c>
    </row>
    <row r="134" spans="1:4">
      <c r="A134" s="40" t="s">
        <v>541</v>
      </c>
      <c r="B134" s="111">
        <v>89</v>
      </c>
      <c r="C134" s="112">
        <v>4.4541897625744902</v>
      </c>
      <c r="D134" s="113">
        <v>0.25806261589833196</v>
      </c>
    </row>
    <row r="135" spans="1:4">
      <c r="A135" s="44" t="s">
        <v>542</v>
      </c>
      <c r="B135" s="114">
        <v>67</v>
      </c>
      <c r="C135" s="115">
        <v>4.3993240667260221</v>
      </c>
      <c r="D135" s="116">
        <v>0.31595475358399816</v>
      </c>
    </row>
    <row r="136" spans="1:4">
      <c r="A136" s="40" t="s">
        <v>543</v>
      </c>
      <c r="B136" s="78">
        <v>426</v>
      </c>
      <c r="C136" s="79">
        <v>4.2550135762447274</v>
      </c>
      <c r="D136" s="80">
        <v>0.12498672907805312</v>
      </c>
    </row>
    <row r="137" spans="1:4">
      <c r="A137" s="44" t="s">
        <v>616</v>
      </c>
      <c r="B137" s="114">
        <v>227</v>
      </c>
      <c r="C137" s="115">
        <v>4.2910607055373804</v>
      </c>
      <c r="D137" s="116">
        <v>0.17916487515490662</v>
      </c>
    </row>
    <row r="138" spans="1:4">
      <c r="A138" s="52" t="s">
        <v>544</v>
      </c>
      <c r="B138" s="111">
        <v>199</v>
      </c>
      <c r="C138" s="112">
        <v>4.2201313838727499</v>
      </c>
      <c r="D138" s="113">
        <v>0.17309558487978305</v>
      </c>
    </row>
    <row r="139" spans="1:4">
      <c r="A139" s="44" t="s">
        <v>545</v>
      </c>
      <c r="B139" s="114">
        <v>102</v>
      </c>
      <c r="C139" s="115">
        <v>4.3914264518196227</v>
      </c>
      <c r="D139" s="116">
        <v>0.28946649904945965</v>
      </c>
    </row>
    <row r="140" spans="1:4">
      <c r="A140" s="52" t="s">
        <v>546</v>
      </c>
      <c r="B140" s="111">
        <v>273</v>
      </c>
      <c r="C140" s="112">
        <v>4.1755094858709265</v>
      </c>
      <c r="D140" s="113">
        <v>0.17043790968245351</v>
      </c>
    </row>
    <row r="141" spans="1:4">
      <c r="A141" s="44" t="s">
        <v>557</v>
      </c>
      <c r="B141" s="114">
        <v>110</v>
      </c>
      <c r="C141" s="115">
        <v>4.0505204581406273</v>
      </c>
      <c r="D141" s="116">
        <v>0.29506200999500704</v>
      </c>
    </row>
    <row r="142" spans="1:4">
      <c r="A142" s="52" t="s">
        <v>558</v>
      </c>
      <c r="B142" s="111">
        <v>106</v>
      </c>
      <c r="C142" s="112">
        <v>4.347821074706772</v>
      </c>
      <c r="D142" s="113">
        <v>0.25402332602372341</v>
      </c>
    </row>
    <row r="143" spans="1:4">
      <c r="A143" s="44" t="s">
        <v>549</v>
      </c>
      <c r="B143" s="114">
        <v>57</v>
      </c>
      <c r="C143" s="115">
        <v>4.1312222099639735</v>
      </c>
      <c r="D143" s="116">
        <v>0.34784821257037768</v>
      </c>
    </row>
    <row r="144" spans="1:4">
      <c r="A144" s="52" t="s">
        <v>550</v>
      </c>
      <c r="B144" s="111">
        <v>142</v>
      </c>
      <c r="C144" s="112">
        <v>4.4557812409690554</v>
      </c>
      <c r="D144" s="113">
        <v>0.22087837849134107</v>
      </c>
    </row>
    <row r="145" spans="1:28">
      <c r="A145" s="44" t="s">
        <v>551</v>
      </c>
      <c r="B145" s="114">
        <v>592</v>
      </c>
      <c r="C145" s="115">
        <v>4.3352402224044981</v>
      </c>
      <c r="D145" s="116">
        <v>0.11607331465254607</v>
      </c>
    </row>
    <row r="148" spans="1:28" ht="18.75">
      <c r="A148" s="342" t="s">
        <v>503</v>
      </c>
      <c r="B148" s="342"/>
      <c r="C148" s="342"/>
      <c r="D148" s="342"/>
      <c r="E148" s="342"/>
      <c r="F148" s="342"/>
      <c r="G148" s="342"/>
      <c r="H148" s="342"/>
      <c r="I148" s="342"/>
      <c r="J148" s="342"/>
      <c r="K148" s="342"/>
      <c r="L148" s="342"/>
      <c r="M148" s="342"/>
      <c r="N148" s="342"/>
      <c r="O148" s="342"/>
      <c r="P148" s="342"/>
      <c r="Q148" s="342"/>
      <c r="R148" s="342"/>
      <c r="S148" s="342"/>
      <c r="T148" s="342"/>
      <c r="U148" s="342"/>
      <c r="V148" s="342"/>
      <c r="W148" s="342"/>
      <c r="X148" s="342"/>
      <c r="Y148" s="342"/>
      <c r="Z148" s="342"/>
      <c r="AA148" s="342"/>
      <c r="AB148" s="342"/>
    </row>
    <row r="149" spans="1:28" ht="72.75" customHeight="1">
      <c r="A149" s="398" t="s">
        <v>608</v>
      </c>
      <c r="B149" s="398"/>
      <c r="C149" s="398"/>
      <c r="D149" s="398"/>
      <c r="E149" s="398"/>
      <c r="F149" s="398"/>
      <c r="G149" s="398"/>
      <c r="H149" s="398"/>
      <c r="I149" s="398"/>
      <c r="J149" s="398"/>
      <c r="K149" s="398"/>
      <c r="L149" s="398"/>
      <c r="M149" s="398"/>
      <c r="N149" s="398"/>
      <c r="O149" s="398"/>
      <c r="P149" s="398"/>
      <c r="Q149" s="398"/>
      <c r="R149" s="398"/>
      <c r="S149" s="398"/>
      <c r="T149" s="398"/>
      <c r="U149" s="398"/>
      <c r="V149" s="398"/>
      <c r="W149" s="398"/>
      <c r="X149" s="398"/>
      <c r="Y149" s="398"/>
      <c r="Z149" s="398"/>
      <c r="AA149" s="398"/>
      <c r="AB149" s="398"/>
    </row>
    <row r="150" spans="1:28" ht="40.5" customHeight="1">
      <c r="A150" s="291"/>
      <c r="B150" s="389" t="s">
        <v>387</v>
      </c>
      <c r="C150" s="390"/>
      <c r="D150" s="390"/>
      <c r="E150" s="390"/>
      <c r="F150" s="390"/>
      <c r="G150" s="390"/>
      <c r="H150" s="390"/>
      <c r="I150" s="390"/>
      <c r="J150" s="395"/>
      <c r="K150" s="369" t="s">
        <v>388</v>
      </c>
      <c r="L150" s="370"/>
      <c r="M150" s="370"/>
      <c r="N150" s="370"/>
      <c r="O150" s="370"/>
      <c r="P150" s="370"/>
      <c r="Q150" s="370"/>
      <c r="R150" s="370"/>
      <c r="S150" s="371"/>
      <c r="T150" s="389" t="s">
        <v>121</v>
      </c>
      <c r="U150" s="390"/>
      <c r="V150" s="390"/>
      <c r="W150" s="390"/>
      <c r="X150" s="390"/>
      <c r="Y150" s="390"/>
      <c r="Z150" s="390"/>
      <c r="AA150" s="390"/>
      <c r="AB150" s="390"/>
    </row>
    <row r="151" spans="1:28" ht="72">
      <c r="A151" s="32" t="s">
        <v>71</v>
      </c>
      <c r="B151" s="33" t="s">
        <v>72</v>
      </c>
      <c r="C151" s="33" t="s">
        <v>156</v>
      </c>
      <c r="D151" s="84" t="s">
        <v>85</v>
      </c>
      <c r="E151" s="33" t="s">
        <v>157</v>
      </c>
      <c r="F151" s="84" t="s">
        <v>86</v>
      </c>
      <c r="G151" s="33" t="s">
        <v>158</v>
      </c>
      <c r="H151" s="84" t="s">
        <v>87</v>
      </c>
      <c r="I151" s="33" t="s">
        <v>301</v>
      </c>
      <c r="J151" s="84" t="s">
        <v>300</v>
      </c>
      <c r="K151" s="60" t="s">
        <v>72</v>
      </c>
      <c r="L151" s="60" t="s">
        <v>156</v>
      </c>
      <c r="M151" s="83" t="s">
        <v>85</v>
      </c>
      <c r="N151" s="60" t="s">
        <v>157</v>
      </c>
      <c r="O151" s="83" t="s">
        <v>86</v>
      </c>
      <c r="P151" s="60" t="s">
        <v>158</v>
      </c>
      <c r="Q151" s="83" t="s">
        <v>87</v>
      </c>
      <c r="R151" s="60" t="s">
        <v>301</v>
      </c>
      <c r="S151" s="83" t="s">
        <v>300</v>
      </c>
      <c r="T151" s="33" t="s">
        <v>72</v>
      </c>
      <c r="U151" s="33" t="s">
        <v>156</v>
      </c>
      <c r="V151" s="84" t="s">
        <v>85</v>
      </c>
      <c r="W151" s="33" t="s">
        <v>157</v>
      </c>
      <c r="X151" s="84" t="s">
        <v>86</v>
      </c>
      <c r="Y151" s="33" t="s">
        <v>158</v>
      </c>
      <c r="Z151" s="84" t="s">
        <v>87</v>
      </c>
      <c r="AA151" s="33" t="s">
        <v>301</v>
      </c>
      <c r="AB151" s="84" t="s">
        <v>300</v>
      </c>
    </row>
    <row r="152" spans="1:28" ht="72">
      <c r="A152" s="36"/>
      <c r="B152" s="37" t="s">
        <v>74</v>
      </c>
      <c r="C152" s="37" t="s">
        <v>159</v>
      </c>
      <c r="D152" s="86" t="s">
        <v>88</v>
      </c>
      <c r="E152" s="37" t="s">
        <v>160</v>
      </c>
      <c r="F152" s="86" t="s">
        <v>88</v>
      </c>
      <c r="G152" s="37" t="s">
        <v>161</v>
      </c>
      <c r="H152" s="86" t="s">
        <v>88</v>
      </c>
      <c r="I152" s="37" t="s">
        <v>301</v>
      </c>
      <c r="J152" s="86" t="s">
        <v>88</v>
      </c>
      <c r="K152" s="63" t="s">
        <v>74</v>
      </c>
      <c r="L152" s="63" t="s">
        <v>159</v>
      </c>
      <c r="M152" s="85" t="s">
        <v>88</v>
      </c>
      <c r="N152" s="63" t="s">
        <v>160</v>
      </c>
      <c r="O152" s="85" t="s">
        <v>88</v>
      </c>
      <c r="P152" s="63" t="s">
        <v>161</v>
      </c>
      <c r="Q152" s="85" t="s">
        <v>88</v>
      </c>
      <c r="R152" s="63" t="s">
        <v>301</v>
      </c>
      <c r="S152" s="85" t="s">
        <v>88</v>
      </c>
      <c r="T152" s="37" t="s">
        <v>74</v>
      </c>
      <c r="U152" s="37" t="s">
        <v>159</v>
      </c>
      <c r="V152" s="86" t="s">
        <v>88</v>
      </c>
      <c r="W152" s="37" t="s">
        <v>160</v>
      </c>
      <c r="X152" s="86" t="s">
        <v>88</v>
      </c>
      <c r="Y152" s="37" t="s">
        <v>161</v>
      </c>
      <c r="Z152" s="86" t="s">
        <v>88</v>
      </c>
      <c r="AA152" s="37" t="s">
        <v>301</v>
      </c>
      <c r="AB152" s="86" t="s">
        <v>88</v>
      </c>
    </row>
    <row r="153" spans="1:28">
      <c r="A153" s="40" t="s">
        <v>350</v>
      </c>
      <c r="B153" s="157">
        <v>13916</v>
      </c>
      <c r="C153" s="160">
        <v>0.24721018413503079</v>
      </c>
      <c r="D153" s="89">
        <v>7.3134663503884997E-3</v>
      </c>
      <c r="E153" s="160">
        <v>0.22996751196457071</v>
      </c>
      <c r="F153" s="89">
        <v>7.1342696510420254E-3</v>
      </c>
      <c r="G153" s="160">
        <v>0.35734181830937645</v>
      </c>
      <c r="H153" s="89">
        <v>8.1236906583958182E-3</v>
      </c>
      <c r="I153" s="160">
        <v>0.16548048559104037</v>
      </c>
      <c r="J153" s="89">
        <v>6.3009075583273259E-3</v>
      </c>
      <c r="K153" s="119">
        <v>13906</v>
      </c>
      <c r="L153" s="118">
        <v>0.28691101869081054</v>
      </c>
      <c r="M153" s="89">
        <v>7.6707816144096089E-3</v>
      </c>
      <c r="N153" s="118">
        <v>0.20739565521860365</v>
      </c>
      <c r="O153" s="89">
        <v>6.8763743112210335E-3</v>
      </c>
      <c r="P153" s="118">
        <v>0.38105482308155841</v>
      </c>
      <c r="Q153" s="89">
        <v>8.2355715377953418E-3</v>
      </c>
      <c r="R153" s="118">
        <v>0.12463850300904504</v>
      </c>
      <c r="S153" s="89">
        <v>5.6033462323828937E-3</v>
      </c>
      <c r="T153" s="119">
        <v>13917</v>
      </c>
      <c r="U153" s="118">
        <v>0.21139065422020736</v>
      </c>
      <c r="V153" s="89">
        <v>6.9219899392000787E-3</v>
      </c>
      <c r="W153" s="118">
        <v>0.20220173619447673</v>
      </c>
      <c r="X153" s="89">
        <v>6.8092980540401995E-3</v>
      </c>
      <c r="Y153" s="118">
        <v>0.51742917611998085</v>
      </c>
      <c r="Z153" s="89">
        <v>8.4703414568206813E-3</v>
      </c>
      <c r="AA153" s="118">
        <v>6.8978433465351083E-2</v>
      </c>
      <c r="AB153" s="89">
        <v>4.2992426218196574E-3</v>
      </c>
    </row>
    <row r="154" spans="1:28">
      <c r="A154" s="44" t="s">
        <v>351</v>
      </c>
      <c r="B154" s="44">
        <v>10183</v>
      </c>
      <c r="C154" s="159">
        <v>0.27559647530717357</v>
      </c>
      <c r="D154" s="92">
        <v>8.8547631711577007E-3</v>
      </c>
      <c r="E154" s="159">
        <v>0.22433185166138178</v>
      </c>
      <c r="F154" s="92">
        <v>8.2673198233641793E-3</v>
      </c>
      <c r="G154" s="159">
        <v>0.33736109628042987</v>
      </c>
      <c r="H154" s="92">
        <v>9.3694258840044328E-3</v>
      </c>
      <c r="I154" s="159">
        <v>0.16271057675101472</v>
      </c>
      <c r="J154" s="92">
        <v>7.3163565765839728E-3</v>
      </c>
      <c r="K154" s="44">
        <v>10184</v>
      </c>
      <c r="L154" s="121">
        <v>0.29351436557063271</v>
      </c>
      <c r="M154" s="92">
        <v>9.0237473170164326E-3</v>
      </c>
      <c r="N154" s="121">
        <v>0.20480254938895326</v>
      </c>
      <c r="O154" s="92">
        <v>7.9980091389078491E-3</v>
      </c>
      <c r="P154" s="121">
        <v>0.39238496392138006</v>
      </c>
      <c r="Q154" s="92">
        <v>9.675295609665107E-3</v>
      </c>
      <c r="R154" s="121">
        <v>0.10929812111903336</v>
      </c>
      <c r="S154" s="92">
        <v>6.1862177962088306E-3</v>
      </c>
      <c r="T154" s="44">
        <v>10198</v>
      </c>
      <c r="U154" s="121">
        <v>0.19149971417243938</v>
      </c>
      <c r="V154" s="92">
        <v>7.7932052455123111E-3</v>
      </c>
      <c r="W154" s="121">
        <v>0.18567288530772813</v>
      </c>
      <c r="X154" s="92">
        <v>7.7014454935054938E-3</v>
      </c>
      <c r="Y154" s="121">
        <v>0.57126389116641652</v>
      </c>
      <c r="Z154" s="92">
        <v>9.7995082758462974E-3</v>
      </c>
      <c r="AA154" s="121">
        <v>5.1563509353409941E-2</v>
      </c>
      <c r="AB154" s="92">
        <v>4.385929178221234E-3</v>
      </c>
    </row>
    <row r="155" spans="1:28">
      <c r="A155" s="40" t="s">
        <v>352</v>
      </c>
      <c r="B155" s="48">
        <v>3733</v>
      </c>
      <c r="C155" s="160">
        <v>0.22436427846585125</v>
      </c>
      <c r="D155" s="89">
        <v>1.3654536010558547E-2</v>
      </c>
      <c r="E155" s="160">
        <v>0.23450321417692144</v>
      </c>
      <c r="F155" s="89">
        <v>1.3867459099300268E-2</v>
      </c>
      <c r="G155" s="160">
        <v>0.37342273877576271</v>
      </c>
      <c r="H155" s="89">
        <v>1.5826611940870993E-2</v>
      </c>
      <c r="I155" s="160">
        <v>0.16770976858146525</v>
      </c>
      <c r="J155" s="89">
        <v>1.2233542717730169E-2</v>
      </c>
      <c r="K155" s="48">
        <v>3722</v>
      </c>
      <c r="L155" s="118">
        <v>0.28157369485150868</v>
      </c>
      <c r="M155" s="89">
        <v>1.474027536895622E-2</v>
      </c>
      <c r="N155" s="118">
        <v>0.20949159926246991</v>
      </c>
      <c r="O155" s="89">
        <v>1.3340818127827088E-2</v>
      </c>
      <c r="P155" s="118">
        <v>0.37189694724866146</v>
      </c>
      <c r="Q155" s="89">
        <v>1.583682301739725E-2</v>
      </c>
      <c r="R155" s="118">
        <v>0.13703775863736017</v>
      </c>
      <c r="S155" s="89">
        <v>1.1280882632758426E-2</v>
      </c>
      <c r="T155" s="48">
        <v>3719</v>
      </c>
      <c r="U155" s="118">
        <v>0.22746135889376895</v>
      </c>
      <c r="V155" s="89">
        <v>1.3746572773353843E-2</v>
      </c>
      <c r="W155" s="118">
        <v>0.21555607141223795</v>
      </c>
      <c r="X155" s="89">
        <v>1.3485516721737577E-2</v>
      </c>
      <c r="Y155" s="118">
        <v>0.47393390618202474</v>
      </c>
      <c r="Z155" s="89">
        <v>1.6366800707834434E-2</v>
      </c>
      <c r="AA155" s="118">
        <v>8.3048663511969767E-2</v>
      </c>
      <c r="AB155" s="89">
        <v>9.0674464806340636E-3</v>
      </c>
    </row>
    <row r="156" spans="1:28">
      <c r="A156" s="44" t="s">
        <v>555</v>
      </c>
      <c r="B156" s="44">
        <v>3620</v>
      </c>
      <c r="C156" s="159">
        <v>0.24114594705366643</v>
      </c>
      <c r="D156" s="92">
        <v>1.4217733403503734E-2</v>
      </c>
      <c r="E156" s="159">
        <v>0.22016861795784007</v>
      </c>
      <c r="F156" s="92">
        <v>1.3773120728785573E-2</v>
      </c>
      <c r="G156" s="159">
        <v>0.35837662832019362</v>
      </c>
      <c r="H156" s="92">
        <v>1.5932635246140078E-2</v>
      </c>
      <c r="I156" s="159">
        <v>0.18030880666831475</v>
      </c>
      <c r="J156" s="92">
        <v>1.2782050953883744E-2</v>
      </c>
      <c r="K156" s="44">
        <v>3607</v>
      </c>
      <c r="L156" s="121">
        <v>0.28540202719034713</v>
      </c>
      <c r="M156" s="92">
        <v>1.5034334570764366E-2</v>
      </c>
      <c r="N156" s="121">
        <v>0.20589461439878667</v>
      </c>
      <c r="O156" s="92">
        <v>1.3465796058224084E-2</v>
      </c>
      <c r="P156" s="121">
        <v>0.39045819779350693</v>
      </c>
      <c r="Q156" s="92">
        <v>1.6237886880015425E-2</v>
      </c>
      <c r="R156" s="121">
        <v>0.11824516061737528</v>
      </c>
      <c r="S156" s="92">
        <v>1.0763484670614644E-2</v>
      </c>
      <c r="T156" s="44">
        <v>3618</v>
      </c>
      <c r="U156" s="121">
        <v>0.21216756034234568</v>
      </c>
      <c r="V156" s="92">
        <v>1.359407465716073E-2</v>
      </c>
      <c r="W156" s="121">
        <v>0.19980998029630645</v>
      </c>
      <c r="X156" s="92">
        <v>1.3296303786668382E-2</v>
      </c>
      <c r="Y156" s="121">
        <v>0.52223288097160903</v>
      </c>
      <c r="Z156" s="92">
        <v>1.6599574554817215E-2</v>
      </c>
      <c r="AA156" s="121">
        <v>6.5789578389750566E-2</v>
      </c>
      <c r="AB156" s="92">
        <v>8.2665098319085577E-3</v>
      </c>
    </row>
    <row r="157" spans="1:28">
      <c r="A157" s="40" t="s">
        <v>556</v>
      </c>
      <c r="B157" s="48">
        <v>2966</v>
      </c>
      <c r="C157" s="160">
        <v>0.2718691356945025</v>
      </c>
      <c r="D157" s="89">
        <v>1.6333906375330772E-2</v>
      </c>
      <c r="E157" s="160">
        <v>0.21975555368218735</v>
      </c>
      <c r="F157" s="89">
        <v>1.5205636700342877E-2</v>
      </c>
      <c r="G157" s="160">
        <v>0.32998959566975666</v>
      </c>
      <c r="H157" s="89">
        <v>1.725913663812019E-2</v>
      </c>
      <c r="I157" s="160">
        <v>0.17838571495354913</v>
      </c>
      <c r="J157" s="89">
        <v>1.4062998173803085E-2</v>
      </c>
      <c r="K157" s="48">
        <v>2959</v>
      </c>
      <c r="L157" s="118">
        <v>0.27747514262951545</v>
      </c>
      <c r="M157" s="89">
        <v>1.645687120206853E-2</v>
      </c>
      <c r="N157" s="118">
        <v>0.20838764996302983</v>
      </c>
      <c r="O157" s="89">
        <v>1.4933384825256035E-2</v>
      </c>
      <c r="P157" s="118">
        <v>0.40589292047487663</v>
      </c>
      <c r="Q157" s="89">
        <v>1.8043624816792028E-2</v>
      </c>
      <c r="R157" s="118">
        <v>0.10824428693257394</v>
      </c>
      <c r="S157" s="89">
        <v>1.1439819040484123E-2</v>
      </c>
      <c r="T157" s="48">
        <v>2967</v>
      </c>
      <c r="U157" s="118">
        <v>0.17474171783583961</v>
      </c>
      <c r="V157" s="89">
        <v>1.3947621707650393E-2</v>
      </c>
      <c r="W157" s="118">
        <v>0.18807938503003188</v>
      </c>
      <c r="X157" s="89">
        <v>1.435086319220767E-2</v>
      </c>
      <c r="Y157" s="118">
        <v>0.58889198273806942</v>
      </c>
      <c r="Z157" s="89">
        <v>1.8054835438579529E-2</v>
      </c>
      <c r="AA157" s="118">
        <v>4.8286914396055904E-2</v>
      </c>
      <c r="AB157" s="89">
        <v>7.9127137234939002E-3</v>
      </c>
    </row>
    <row r="158" spans="1:28">
      <c r="A158" s="44" t="s">
        <v>536</v>
      </c>
      <c r="B158" s="44">
        <v>329</v>
      </c>
      <c r="C158" s="159">
        <v>0.29496697668241728</v>
      </c>
      <c r="D158" s="92">
        <v>5.0100838686121356E-2</v>
      </c>
      <c r="E158" s="159">
        <v>0.24075835624024847</v>
      </c>
      <c r="F158" s="92">
        <v>4.706377210044764E-2</v>
      </c>
      <c r="G158" s="159">
        <v>0.34403737953464614</v>
      </c>
      <c r="H158" s="92">
        <v>5.2132485396772017E-2</v>
      </c>
      <c r="I158" s="159">
        <v>0.12023728754268989</v>
      </c>
      <c r="J158" s="92">
        <v>3.6221575531562335E-2</v>
      </c>
      <c r="K158" s="44">
        <v>327</v>
      </c>
      <c r="L158" s="121">
        <v>0.31075683336390647</v>
      </c>
      <c r="M158" s="92">
        <v>5.0978031435572814E-2</v>
      </c>
      <c r="N158" s="121">
        <v>0.25039319047421649</v>
      </c>
      <c r="O158" s="92">
        <v>4.781550244747701E-2</v>
      </c>
      <c r="P158" s="121">
        <v>0.37213880589348797</v>
      </c>
      <c r="Q158" s="92">
        <v>5.3182040116092462E-2</v>
      </c>
      <c r="R158" s="121">
        <v>6.6711170268390893E-2</v>
      </c>
      <c r="S158" s="92">
        <v>2.8405964365423107E-2</v>
      </c>
      <c r="T158" s="44">
        <v>329</v>
      </c>
      <c r="U158" s="121">
        <v>0.19351589232429978</v>
      </c>
      <c r="V158" s="92">
        <v>4.3607665965577275E-2</v>
      </c>
      <c r="W158" s="121">
        <v>0.14710268953774772</v>
      </c>
      <c r="X158" s="92">
        <v>3.9278383855754238E-2</v>
      </c>
      <c r="Y158" s="121">
        <v>0.6389207788612572</v>
      </c>
      <c r="Z158" s="92">
        <v>5.2694583980377463E-2</v>
      </c>
      <c r="AA158" s="121">
        <v>2.0460639276696401E-2</v>
      </c>
      <c r="AB158" s="92">
        <v>1.7513045405506272E-2</v>
      </c>
    </row>
    <row r="159" spans="1:28">
      <c r="A159" s="40" t="s">
        <v>537</v>
      </c>
      <c r="B159" s="48">
        <v>162</v>
      </c>
      <c r="C159" s="160">
        <v>0.29090162373139261</v>
      </c>
      <c r="D159" s="89">
        <v>7.085698697913563E-2</v>
      </c>
      <c r="E159" s="160">
        <v>0.24684036727503542</v>
      </c>
      <c r="F159" s="89">
        <v>6.7478091503867493E-2</v>
      </c>
      <c r="G159" s="160">
        <v>0.36210272918502684</v>
      </c>
      <c r="H159" s="89">
        <v>7.4750946925485909E-2</v>
      </c>
      <c r="I159" s="160">
        <v>0.10015527980854419</v>
      </c>
      <c r="J159" s="89">
        <v>4.8529267772333594E-2</v>
      </c>
      <c r="K159" s="48">
        <v>161</v>
      </c>
      <c r="L159" s="118">
        <v>0.32144726097507825</v>
      </c>
      <c r="M159" s="89">
        <v>7.2970883756568142E-2</v>
      </c>
      <c r="N159" s="118">
        <v>0.2452311023744842</v>
      </c>
      <c r="O159" s="89">
        <v>6.7546020853679528E-2</v>
      </c>
      <c r="P159" s="118">
        <v>0.3843490631113044</v>
      </c>
      <c r="Q159" s="89">
        <v>7.5841220404815113E-2</v>
      </c>
      <c r="R159" s="118">
        <v>4.8972573539132119E-2</v>
      </c>
      <c r="S159" s="89">
        <v>3.6949687140764229E-2</v>
      </c>
      <c r="T159" s="48">
        <v>162</v>
      </c>
      <c r="U159" s="118">
        <v>0.153086857961239</v>
      </c>
      <c r="V159" s="89">
        <v>5.7115678814174099E-2</v>
      </c>
      <c r="W159" s="118">
        <v>0.14578835746962032</v>
      </c>
      <c r="X159" s="89">
        <v>5.6078217989695776E-2</v>
      </c>
      <c r="Y159" s="118">
        <v>0.67259752252446048</v>
      </c>
      <c r="Z159" s="89">
        <v>7.3078346502864766E-2</v>
      </c>
      <c r="AA159" s="118">
        <v>2.8527262044679858E-2</v>
      </c>
      <c r="AB159" s="89">
        <v>3.03779383746446E-2</v>
      </c>
    </row>
    <row r="160" spans="1:28">
      <c r="A160" s="44" t="s">
        <v>538</v>
      </c>
      <c r="B160" s="44">
        <v>89</v>
      </c>
      <c r="C160" s="159">
        <v>0.35575458322362374</v>
      </c>
      <c r="D160" s="92">
        <v>9.9664943190574368E-2</v>
      </c>
      <c r="E160" s="159">
        <v>0.23205328734723074</v>
      </c>
      <c r="F160" s="92">
        <v>8.9020402375101046E-2</v>
      </c>
      <c r="G160" s="159">
        <v>0.30463895995957807</v>
      </c>
      <c r="H160" s="92">
        <v>9.6173354051660359E-2</v>
      </c>
      <c r="I160" s="159">
        <v>0.10755316946956675</v>
      </c>
      <c r="J160" s="92">
        <v>6.8454248229745732E-2</v>
      </c>
      <c r="K160" s="44">
        <v>89</v>
      </c>
      <c r="L160" s="121">
        <v>0.28898013716039384</v>
      </c>
      <c r="M160" s="92">
        <v>9.4861240142804032E-2</v>
      </c>
      <c r="N160" s="121">
        <v>0.23847982968250858</v>
      </c>
      <c r="O160" s="92">
        <v>8.9770060039058311E-2</v>
      </c>
      <c r="P160" s="121">
        <v>0.41253353397289483</v>
      </c>
      <c r="Q160" s="92">
        <v>0.10223177590783007</v>
      </c>
      <c r="R160" s="121">
        <v>6.0006499184202394E-2</v>
      </c>
      <c r="S160" s="92">
        <v>5.5918856662561967E-2</v>
      </c>
      <c r="T160" s="44">
        <v>89</v>
      </c>
      <c r="U160" s="121">
        <v>0.26377737910068877</v>
      </c>
      <c r="V160" s="92">
        <v>9.2491381150051843E-2</v>
      </c>
      <c r="W160" s="121">
        <v>9.8523194540347706E-2</v>
      </c>
      <c r="X160" s="92">
        <v>6.635954693913991E-2</v>
      </c>
      <c r="Y160" s="121">
        <v>0.63769942635896326</v>
      </c>
      <c r="Z160" s="92">
        <v>0.1000289971788569</v>
      </c>
      <c r="AA160" s="121">
        <v>0</v>
      </c>
      <c r="AB160" s="92">
        <v>3.0084393934100805E-2</v>
      </c>
    </row>
    <row r="161" spans="1:28">
      <c r="A161" s="40" t="s">
        <v>539</v>
      </c>
      <c r="B161" s="48">
        <v>244</v>
      </c>
      <c r="C161" s="160">
        <v>0.39401065138980534</v>
      </c>
      <c r="D161" s="89">
        <v>6.2103674290879339E-2</v>
      </c>
      <c r="E161" s="160">
        <v>0.16434755723787162</v>
      </c>
      <c r="F161" s="89">
        <v>4.7678764664023272E-2</v>
      </c>
      <c r="G161" s="160">
        <v>0.32785466126139728</v>
      </c>
      <c r="H161" s="89">
        <v>5.9745995849372374E-2</v>
      </c>
      <c r="I161" s="160">
        <v>0.11378713011092369</v>
      </c>
      <c r="J161" s="89">
        <v>4.12725873432504E-2</v>
      </c>
      <c r="K161" s="48">
        <v>245</v>
      </c>
      <c r="L161" s="118">
        <v>0.30707126630929765</v>
      </c>
      <c r="M161" s="89">
        <v>5.8627511078585659E-2</v>
      </c>
      <c r="N161" s="118">
        <v>0.26176912259551482</v>
      </c>
      <c r="O161" s="89">
        <v>5.5976877500756125E-2</v>
      </c>
      <c r="P161" s="118">
        <v>0.40625235230207979</v>
      </c>
      <c r="Q161" s="89">
        <v>6.2284678204368248E-2</v>
      </c>
      <c r="R161" s="118">
        <v>2.4907258793105593E-2</v>
      </c>
      <c r="S161" s="89">
        <v>2.2488003606868638E-2</v>
      </c>
      <c r="T161" s="48">
        <v>244</v>
      </c>
      <c r="U161" s="118">
        <v>0.17656374878333875</v>
      </c>
      <c r="V161" s="89">
        <v>4.8979311952867394E-2</v>
      </c>
      <c r="W161" s="118">
        <v>0.16504476888903466</v>
      </c>
      <c r="X161" s="89">
        <v>4.7755256402826719E-2</v>
      </c>
      <c r="Y161" s="118">
        <v>0.62963160489605807</v>
      </c>
      <c r="Z161" s="89">
        <v>6.1399452468800575E-2</v>
      </c>
      <c r="AA161" s="118">
        <v>2.8759877431566112E-2</v>
      </c>
      <c r="AB161" s="89">
        <v>2.3772590893437404E-2</v>
      </c>
    </row>
    <row r="162" spans="1:28">
      <c r="A162" s="44" t="s">
        <v>540</v>
      </c>
      <c r="B162" s="44">
        <v>82</v>
      </c>
      <c r="C162" s="159">
        <v>0.50968471014623074</v>
      </c>
      <c r="D162" s="92">
        <v>0.10781438150385034</v>
      </c>
      <c r="E162" s="159">
        <v>0.10054505766074164</v>
      </c>
      <c r="F162" s="92">
        <v>6.9861572363357952E-2</v>
      </c>
      <c r="G162" s="159">
        <v>0.30964568768034151</v>
      </c>
      <c r="H162" s="92">
        <v>0.10047735455029373</v>
      </c>
      <c r="I162" s="159">
        <v>8.0124544512686052E-2</v>
      </c>
      <c r="J162" s="92">
        <v>6.4599945425881183E-2</v>
      </c>
      <c r="K162" s="44">
        <v>82</v>
      </c>
      <c r="L162" s="121">
        <v>0.32343043880108346</v>
      </c>
      <c r="M162" s="92">
        <v>0.10153608881821236</v>
      </c>
      <c r="N162" s="121">
        <v>0.33608035408822884</v>
      </c>
      <c r="O162" s="92">
        <v>0.10242903932294904</v>
      </c>
      <c r="P162" s="121">
        <v>0.31869099461524042</v>
      </c>
      <c r="Q162" s="92">
        <v>0.10118228515052323</v>
      </c>
      <c r="R162" s="121">
        <v>2.1798212495447288E-2</v>
      </c>
      <c r="S162" s="92">
        <v>4.4251196673331716E-2</v>
      </c>
      <c r="T162" s="44">
        <v>82</v>
      </c>
      <c r="U162" s="121">
        <v>0.26810903742739201</v>
      </c>
      <c r="V162" s="92">
        <v>9.6716423225406981E-2</v>
      </c>
      <c r="W162" s="121">
        <v>0.226269610179647</v>
      </c>
      <c r="X162" s="92">
        <v>9.197564281819022E-2</v>
      </c>
      <c r="Y162" s="121">
        <v>0.50562135239296102</v>
      </c>
      <c r="Z162" s="92">
        <v>0.10782657728528611</v>
      </c>
      <c r="AA162" s="121">
        <v>0</v>
      </c>
      <c r="AB162" s="92">
        <v>3.2504011252172456E-2</v>
      </c>
    </row>
    <row r="163" spans="1:28">
      <c r="A163" s="40" t="s">
        <v>541</v>
      </c>
      <c r="B163" s="157">
        <v>91</v>
      </c>
      <c r="C163" s="160">
        <v>0.28956508000121478</v>
      </c>
      <c r="D163" s="89">
        <v>9.3890803319962218E-2</v>
      </c>
      <c r="E163" s="160">
        <v>0.16950462936037058</v>
      </c>
      <c r="F163" s="89">
        <v>7.9412910357817709E-2</v>
      </c>
      <c r="G163" s="160">
        <v>0.35681339386176852</v>
      </c>
      <c r="H163" s="89">
        <v>9.8662159613730302E-2</v>
      </c>
      <c r="I163" s="160">
        <v>0.18411689677664622</v>
      </c>
      <c r="J163" s="89">
        <v>8.1678103003712227E-2</v>
      </c>
      <c r="K163" s="119">
        <v>92</v>
      </c>
      <c r="L163" s="118">
        <v>0.27723704287428885</v>
      </c>
      <c r="M163" s="89">
        <v>9.2291610135011345E-2</v>
      </c>
      <c r="N163" s="118">
        <v>0.23305810026811685</v>
      </c>
      <c r="O163" s="89">
        <v>8.7691807679850006E-2</v>
      </c>
      <c r="P163" s="118">
        <v>0.46727080256311626</v>
      </c>
      <c r="Q163" s="89">
        <v>0.10186105867989856</v>
      </c>
      <c r="R163" s="118">
        <v>2.2434054294478169E-2</v>
      </c>
      <c r="S163" s="89">
        <v>4.1099768525579762E-2</v>
      </c>
      <c r="T163" s="119">
        <v>91</v>
      </c>
      <c r="U163" s="118">
        <v>0.11044944756930829</v>
      </c>
      <c r="V163" s="89">
        <v>6.8290479797468967E-2</v>
      </c>
      <c r="W163" s="118">
        <v>0.14810472332086444</v>
      </c>
      <c r="X163" s="89">
        <v>7.5777512251289744E-2</v>
      </c>
      <c r="Y163" s="118">
        <v>0.67558997454165759</v>
      </c>
      <c r="Z163" s="89">
        <v>9.6618591633417697E-2</v>
      </c>
      <c r="AA163" s="118">
        <v>6.5855854568169642E-2</v>
      </c>
      <c r="AB163" s="89">
        <v>5.6960487696169161E-2</v>
      </c>
    </row>
    <row r="164" spans="1:28">
      <c r="A164" s="44" t="s">
        <v>542</v>
      </c>
      <c r="B164" s="158">
        <v>71</v>
      </c>
      <c r="C164" s="159">
        <v>0.3912034830416925</v>
      </c>
      <c r="D164" s="92">
        <v>0.11299374107441179</v>
      </c>
      <c r="E164" s="159">
        <v>0.22535329924034248</v>
      </c>
      <c r="F164" s="92">
        <v>9.8630781971224143E-2</v>
      </c>
      <c r="G164" s="159">
        <v>0.31410749396397225</v>
      </c>
      <c r="H164" s="92">
        <v>0.1080818601818115</v>
      </c>
      <c r="I164" s="159">
        <v>6.9335723753992454E-2</v>
      </c>
      <c r="J164" s="92">
        <v>6.6846836743618701E-2</v>
      </c>
      <c r="K164" s="122">
        <v>71</v>
      </c>
      <c r="L164" s="121">
        <v>0.32377379250548538</v>
      </c>
      <c r="M164" s="92">
        <v>0.10885307360134412</v>
      </c>
      <c r="N164" s="121">
        <v>0.21647596501965163</v>
      </c>
      <c r="O164" s="92">
        <v>9.7422779573139107E-2</v>
      </c>
      <c r="P164" s="121">
        <v>0.42877979289098933</v>
      </c>
      <c r="Q164" s="92">
        <v>0.1144154538316365</v>
      </c>
      <c r="R164" s="121">
        <v>3.0970449583873339E-2</v>
      </c>
      <c r="S164" s="92">
        <v>5.3091618182823867E-2</v>
      </c>
      <c r="T164" s="122">
        <v>71</v>
      </c>
      <c r="U164" s="121">
        <v>0.15558781966910262</v>
      </c>
      <c r="V164" s="92">
        <v>8.7542939126667302E-2</v>
      </c>
      <c r="W164" s="121">
        <v>0.12009652478151395</v>
      </c>
      <c r="X164" s="92">
        <v>8.0218921490617837E-2</v>
      </c>
      <c r="Y164" s="121">
        <v>0.70747184133078767</v>
      </c>
      <c r="Z164" s="92">
        <v>0.10618836532426972</v>
      </c>
      <c r="AA164" s="121">
        <v>1.6843814218595515E-2</v>
      </c>
      <c r="AB164" s="92">
        <v>4.6645528145703163E-2</v>
      </c>
    </row>
    <row r="165" spans="1:28">
      <c r="A165" s="40" t="s">
        <v>543</v>
      </c>
      <c r="B165" s="78">
        <v>477</v>
      </c>
      <c r="C165" s="160">
        <v>0.27995344965852104</v>
      </c>
      <c r="D165" s="89">
        <v>4.1024458747464507E-2</v>
      </c>
      <c r="E165" s="160">
        <v>0.25577165331813995</v>
      </c>
      <c r="F165" s="89">
        <v>3.9889707368709004E-2</v>
      </c>
      <c r="G165" s="160">
        <v>0.2893677159437944</v>
      </c>
      <c r="H165" s="89">
        <v>4.1426624571326329E-2</v>
      </c>
      <c r="I165" s="160">
        <v>0.174907181079545</v>
      </c>
      <c r="J165" s="89">
        <v>3.485224060117021E-2</v>
      </c>
      <c r="K165" s="78">
        <v>477</v>
      </c>
      <c r="L165" s="93">
        <v>0.31200735859691014</v>
      </c>
      <c r="M165" s="89">
        <v>4.230805929219604E-2</v>
      </c>
      <c r="N165" s="93">
        <v>0.1957030908891835</v>
      </c>
      <c r="O165" s="89">
        <v>3.6355493093059028E-2</v>
      </c>
      <c r="P165" s="93">
        <v>0.36534851146197739</v>
      </c>
      <c r="Q165" s="89">
        <v>4.3939977795051967E-2</v>
      </c>
      <c r="R165" s="93">
        <v>0.1269410390519303</v>
      </c>
      <c r="S165" s="89">
        <v>3.0672587186503227E-2</v>
      </c>
      <c r="T165" s="78">
        <v>478</v>
      </c>
      <c r="U165" s="93">
        <v>0.19229594301319664</v>
      </c>
      <c r="V165" s="89">
        <v>3.6082337212877097E-2</v>
      </c>
      <c r="W165" s="93">
        <v>0.20227426859055789</v>
      </c>
      <c r="X165" s="89">
        <v>3.6759225302079958E-2</v>
      </c>
      <c r="Y165" s="93">
        <v>0.55041735595624741</v>
      </c>
      <c r="Z165" s="89">
        <v>4.5320445454618337E-2</v>
      </c>
      <c r="AA165" s="93">
        <v>5.5012432440000023E-2</v>
      </c>
      <c r="AB165" s="89">
        <v>2.1414495802720746E-2</v>
      </c>
    </row>
    <row r="166" spans="1:28">
      <c r="A166" s="44" t="s">
        <v>616</v>
      </c>
      <c r="B166" s="158">
        <v>246</v>
      </c>
      <c r="C166" s="159">
        <v>0.29517994181558821</v>
      </c>
      <c r="D166" s="92">
        <v>5.7879937034277761E-2</v>
      </c>
      <c r="E166" s="159">
        <v>0.27795042867088876</v>
      </c>
      <c r="F166" s="92">
        <v>5.6887138500231346E-2</v>
      </c>
      <c r="G166" s="159">
        <v>0.24770404451385769</v>
      </c>
      <c r="H166" s="92">
        <v>5.489879555494822E-2</v>
      </c>
      <c r="I166" s="159">
        <v>0.17916558499966281</v>
      </c>
      <c r="J166" s="92">
        <v>4.9044116949824454E-2</v>
      </c>
      <c r="K166" s="122">
        <v>247</v>
      </c>
      <c r="L166" s="121">
        <v>0.30007359323018351</v>
      </c>
      <c r="M166" s="92">
        <v>5.8027777812083285E-2</v>
      </c>
      <c r="N166" s="121">
        <v>0.1993523649408224</v>
      </c>
      <c r="O166" s="92">
        <v>5.0883660489791677E-2</v>
      </c>
      <c r="P166" s="121">
        <v>0.40866304968846184</v>
      </c>
      <c r="Q166" s="92">
        <v>6.2091224146645078E-2</v>
      </c>
      <c r="R166" s="121">
        <v>9.1910992140529391E-2</v>
      </c>
      <c r="S166" s="92">
        <v>3.7603298994979127E-2</v>
      </c>
      <c r="T166" s="122">
        <v>247</v>
      </c>
      <c r="U166" s="121">
        <v>0.19956532846352759</v>
      </c>
      <c r="V166" s="92">
        <v>5.0903068487919673E-2</v>
      </c>
      <c r="W166" s="121">
        <v>0.19053997148025817</v>
      </c>
      <c r="X166" s="92">
        <v>5.0061708037975661E-2</v>
      </c>
      <c r="Y166" s="121">
        <v>0.57448146936201927</v>
      </c>
      <c r="Z166" s="92">
        <v>6.243759137710618E-2</v>
      </c>
      <c r="AA166" s="121">
        <v>3.5413230694192305E-2</v>
      </c>
      <c r="AB166" s="92">
        <v>2.5556346023905632E-2</v>
      </c>
    </row>
    <row r="167" spans="1:28">
      <c r="A167" s="52" t="s">
        <v>544</v>
      </c>
      <c r="B167" s="157">
        <v>231</v>
      </c>
      <c r="C167" s="160">
        <v>0.26618219851563135</v>
      </c>
      <c r="D167" s="89">
        <v>5.7932393273497806E-2</v>
      </c>
      <c r="E167" s="160">
        <v>0.23571256930366025</v>
      </c>
      <c r="F167" s="89">
        <v>5.5736418653266014E-2</v>
      </c>
      <c r="G167" s="160">
        <v>0.32704946672906127</v>
      </c>
      <c r="H167" s="89">
        <v>6.1346275457094264E-2</v>
      </c>
      <c r="I167" s="160">
        <v>0.17105576545164555</v>
      </c>
      <c r="J167" s="89">
        <v>4.9756495078600659E-2</v>
      </c>
      <c r="K167" s="119">
        <v>230</v>
      </c>
      <c r="L167" s="118">
        <v>0.32283232034543707</v>
      </c>
      <c r="M167" s="89">
        <v>6.1279177410065298E-2</v>
      </c>
      <c r="N167" s="118">
        <v>0.19239288235022184</v>
      </c>
      <c r="O167" s="89">
        <v>5.2065894637331377E-2</v>
      </c>
      <c r="P167" s="118">
        <v>0.32605846301136587</v>
      </c>
      <c r="Q167" s="89">
        <v>6.1431621680271768E-2</v>
      </c>
      <c r="R167" s="118">
        <v>0.15871633429297335</v>
      </c>
      <c r="S167" s="89">
        <v>4.8476527160001247E-2</v>
      </c>
      <c r="T167" s="119">
        <v>231</v>
      </c>
      <c r="U167" s="118">
        <v>0.18572015283002585</v>
      </c>
      <c r="V167" s="89">
        <v>5.1291740635804689E-2</v>
      </c>
      <c r="W167" s="118">
        <v>0.21288895896177565</v>
      </c>
      <c r="X167" s="89">
        <v>5.384763194815817E-2</v>
      </c>
      <c r="Y167" s="118">
        <v>0.52864927641477877</v>
      </c>
      <c r="Z167" s="89">
        <v>6.5129255790965304E-2</v>
      </c>
      <c r="AA167" s="118">
        <v>7.2741611793417829E-2</v>
      </c>
      <c r="AB167" s="89">
        <v>3.5397280722281647E-2</v>
      </c>
    </row>
    <row r="168" spans="1:28">
      <c r="A168" s="44" t="s">
        <v>545</v>
      </c>
      <c r="B168" s="158">
        <v>112</v>
      </c>
      <c r="C168" s="159">
        <v>0.25499641173577348</v>
      </c>
      <c r="D168" s="92">
        <v>8.1799090019771384E-2</v>
      </c>
      <c r="E168" s="159">
        <v>0.21703452871698276</v>
      </c>
      <c r="F168" s="92">
        <v>7.7761209681432505E-2</v>
      </c>
      <c r="G168" s="159">
        <v>0.34676526526632984</v>
      </c>
      <c r="H168" s="92">
        <v>8.8689805654046105E-2</v>
      </c>
      <c r="I168" s="159">
        <v>0.18120379428091357</v>
      </c>
      <c r="J168" s="92">
        <v>7.3168951793025086E-2</v>
      </c>
      <c r="K168" s="122">
        <v>112</v>
      </c>
      <c r="L168" s="121">
        <v>0.28075075191601956</v>
      </c>
      <c r="M168" s="92">
        <v>8.4115642331565918E-2</v>
      </c>
      <c r="N168" s="121">
        <v>0.19133599975420423</v>
      </c>
      <c r="O168" s="92">
        <v>7.455241914739448E-2</v>
      </c>
      <c r="P168" s="121">
        <v>0.40139483052933289</v>
      </c>
      <c r="Q168" s="92">
        <v>9.1148989373049716E-2</v>
      </c>
      <c r="R168" s="121">
        <v>0.12651841780044279</v>
      </c>
      <c r="S168" s="92">
        <v>6.4317516115369733E-2</v>
      </c>
      <c r="T168" s="122">
        <v>112</v>
      </c>
      <c r="U168" s="121">
        <v>0.18178330890826253</v>
      </c>
      <c r="V168" s="92">
        <v>7.3249998879322042E-2</v>
      </c>
      <c r="W168" s="121">
        <v>0.17969650739297521</v>
      </c>
      <c r="X168" s="92">
        <v>7.2957038043063069E-2</v>
      </c>
      <c r="Y168" s="121">
        <v>0.58013593486245307</v>
      </c>
      <c r="Z168" s="92">
        <v>9.1729263677124917E-2</v>
      </c>
      <c r="AA168" s="121">
        <v>5.8384248836308952E-2</v>
      </c>
      <c r="AB168" s="92">
        <v>4.8492301544879934E-2</v>
      </c>
    </row>
    <row r="169" spans="1:28">
      <c r="A169" s="52" t="s">
        <v>546</v>
      </c>
      <c r="B169" s="157">
        <v>288</v>
      </c>
      <c r="C169" s="160">
        <v>0.40495447755396569</v>
      </c>
      <c r="D169" s="89">
        <v>5.7482832550118282E-2</v>
      </c>
      <c r="E169" s="160">
        <v>0.21407437200760204</v>
      </c>
      <c r="F169" s="89">
        <v>4.8324107680798582E-2</v>
      </c>
      <c r="G169" s="160">
        <v>0.28096114917157622</v>
      </c>
      <c r="H169" s="89">
        <v>5.2776012204274143E-2</v>
      </c>
      <c r="I169" s="160">
        <v>0.1000100012668592</v>
      </c>
      <c r="J169" s="89">
        <v>3.5953036425726018E-2</v>
      </c>
      <c r="K169" s="119">
        <v>287</v>
      </c>
      <c r="L169" s="118">
        <v>0.35171982539073599</v>
      </c>
      <c r="M169" s="89">
        <v>5.6057566065419125E-2</v>
      </c>
      <c r="N169" s="118">
        <v>0.14028444321553649</v>
      </c>
      <c r="O169" s="89">
        <v>4.1308083680147913E-2</v>
      </c>
      <c r="P169" s="118">
        <v>0.44327645478897992</v>
      </c>
      <c r="Q169" s="89">
        <v>5.8252948453010947E-2</v>
      </c>
      <c r="R169" s="118">
        <v>6.4719276604751033E-2</v>
      </c>
      <c r="S169" s="89">
        <v>3.0052341717906939E-2</v>
      </c>
      <c r="T169" s="119">
        <v>288</v>
      </c>
      <c r="U169" s="118">
        <v>0.19560251083220689</v>
      </c>
      <c r="V169" s="89">
        <v>4.6796462786540434E-2</v>
      </c>
      <c r="W169" s="118">
        <v>0.16976536793885913</v>
      </c>
      <c r="X169" s="89">
        <v>4.4400485801689725E-2</v>
      </c>
      <c r="Y169" s="118">
        <v>0.62537702676344176</v>
      </c>
      <c r="Z169" s="89">
        <v>5.6702578984780906E-2</v>
      </c>
      <c r="AA169" s="118">
        <v>9.2550944654953247E-3</v>
      </c>
      <c r="AB169" s="89">
        <v>1.4675645112008244E-2</v>
      </c>
    </row>
    <row r="170" spans="1:28">
      <c r="A170" s="44" t="s">
        <v>557</v>
      </c>
      <c r="B170" s="158">
        <v>112</v>
      </c>
      <c r="C170" s="159">
        <v>0.4316920573938714</v>
      </c>
      <c r="D170" s="92">
        <v>9.2036399888860157E-2</v>
      </c>
      <c r="E170" s="159">
        <v>0.21411865938061175</v>
      </c>
      <c r="F170" s="92">
        <v>7.7417609794226516E-2</v>
      </c>
      <c r="G170" s="159">
        <v>0.27608950456952219</v>
      </c>
      <c r="H170" s="92">
        <v>8.3720002216298439E-2</v>
      </c>
      <c r="I170" s="159">
        <v>7.809977865599553E-2</v>
      </c>
      <c r="J170" s="92">
        <v>5.3840248606522374E-2</v>
      </c>
      <c r="K170" s="122">
        <v>112</v>
      </c>
      <c r="L170" s="121">
        <v>0.37218138040107612</v>
      </c>
      <c r="M170" s="92">
        <v>8.9975035826682287E-2</v>
      </c>
      <c r="N170" s="121">
        <v>0.18208064014748923</v>
      </c>
      <c r="O170" s="92">
        <v>7.3291489699469692E-2</v>
      </c>
      <c r="P170" s="121">
        <v>0.44452561818863279</v>
      </c>
      <c r="Q170" s="92">
        <v>9.2313403350638423E-2</v>
      </c>
      <c r="R170" s="121">
        <v>1.2123612628028423E-3</v>
      </c>
      <c r="S170" s="92">
        <v>2.4964067737078554E-2</v>
      </c>
      <c r="T170" s="122">
        <v>111</v>
      </c>
      <c r="U170" s="121">
        <v>0.22191234964818368</v>
      </c>
      <c r="V170" s="92">
        <v>7.8674534462394419E-2</v>
      </c>
      <c r="W170" s="121">
        <v>0.20836036084308049</v>
      </c>
      <c r="X170" s="92">
        <v>7.7068055316346237E-2</v>
      </c>
      <c r="Y170" s="121">
        <v>0.5691207411994984</v>
      </c>
      <c r="Z170" s="92">
        <v>9.2416618699289049E-2</v>
      </c>
      <c r="AA170" s="121">
        <v>6.0654830923849077E-4</v>
      </c>
      <c r="AB170" s="92">
        <v>2.4779789515595441E-2</v>
      </c>
    </row>
    <row r="171" spans="1:28">
      <c r="A171" s="52" t="s">
        <v>558</v>
      </c>
      <c r="B171" s="157">
        <v>113</v>
      </c>
      <c r="C171" s="160">
        <v>0.41422845059196772</v>
      </c>
      <c r="D171" s="89">
        <v>9.1172358385708197E-2</v>
      </c>
      <c r="E171" s="160">
        <v>0.16591616010984406</v>
      </c>
      <c r="F171" s="89">
        <v>7.0623383927689104E-2</v>
      </c>
      <c r="G171" s="160">
        <v>0.30063942128947252</v>
      </c>
      <c r="H171" s="89">
        <v>8.53202088273598E-2</v>
      </c>
      <c r="I171" s="160">
        <v>0.11921596800871612</v>
      </c>
      <c r="J171" s="89">
        <v>6.2634016348604646E-2</v>
      </c>
      <c r="K171" s="119">
        <v>112</v>
      </c>
      <c r="L171" s="118">
        <v>0.3109905610115245</v>
      </c>
      <c r="M171" s="89">
        <v>8.6442469728008883E-2</v>
      </c>
      <c r="N171" s="118">
        <v>0.12783973091369286</v>
      </c>
      <c r="O171" s="89">
        <v>6.4563252787029957E-2</v>
      </c>
      <c r="P171" s="118">
        <v>0.45017559737278745</v>
      </c>
      <c r="Q171" s="89">
        <v>9.2416930453211268E-2</v>
      </c>
      <c r="R171" s="118">
        <v>0.11099411070199569</v>
      </c>
      <c r="S171" s="89">
        <v>6.1288107027117296E-2</v>
      </c>
      <c r="T171" s="119">
        <v>113</v>
      </c>
      <c r="U171" s="118">
        <v>0.19219934671060379</v>
      </c>
      <c r="V171" s="89">
        <v>7.4334898424127341E-2</v>
      </c>
      <c r="W171" s="118">
        <v>0.12251204443672799</v>
      </c>
      <c r="X171" s="89">
        <v>6.326708680015547E-2</v>
      </c>
      <c r="Y171" s="118">
        <v>0.67224447258473519</v>
      </c>
      <c r="Z171" s="89">
        <v>8.7183029184507932E-2</v>
      </c>
      <c r="AA171" s="118">
        <v>1.3044136267933328E-2</v>
      </c>
      <c r="AB171" s="89">
        <v>3.1384341049117269E-2</v>
      </c>
    </row>
    <row r="172" spans="1:28">
      <c r="A172" s="44" t="s">
        <v>549</v>
      </c>
      <c r="B172" s="158">
        <v>63</v>
      </c>
      <c r="C172" s="159">
        <v>0.34220455057124943</v>
      </c>
      <c r="D172" s="92">
        <v>0.11666635963572707</v>
      </c>
      <c r="E172" s="159">
        <v>0.29251847960614791</v>
      </c>
      <c r="F172" s="92">
        <v>0.11248565045896669</v>
      </c>
      <c r="G172" s="159">
        <v>0.25755332206421039</v>
      </c>
      <c r="H172" s="92">
        <v>0.1087318084980233</v>
      </c>
      <c r="I172" s="159">
        <v>0.1077236477583922</v>
      </c>
      <c r="J172" s="92">
        <v>8.2478259656140543E-2</v>
      </c>
      <c r="K172" s="122">
        <v>63</v>
      </c>
      <c r="L172" s="121">
        <v>0.38224909097643311</v>
      </c>
      <c r="M172" s="92">
        <v>0.1191364097814757</v>
      </c>
      <c r="N172" s="121">
        <v>8.6296495779727853E-2</v>
      </c>
      <c r="O172" s="92">
        <v>7.6753248854515815E-2</v>
      </c>
      <c r="P172" s="121">
        <v>0.42970583966720405</v>
      </c>
      <c r="Q172" s="92">
        <v>0.12109725246302488</v>
      </c>
      <c r="R172" s="121">
        <v>0.10174857357663512</v>
      </c>
      <c r="S172" s="92">
        <v>8.0952651800737824E-2</v>
      </c>
      <c r="T172" s="122">
        <v>64</v>
      </c>
      <c r="U172" s="121">
        <v>0.1549860729400056</v>
      </c>
      <c r="V172" s="92">
        <v>9.2213810826127049E-2</v>
      </c>
      <c r="W172" s="121">
        <v>0.17796821824825201</v>
      </c>
      <c r="X172" s="92">
        <v>9.6447857979920948E-2</v>
      </c>
      <c r="Y172" s="121">
        <v>0.6487223427448352</v>
      </c>
      <c r="Z172" s="92">
        <v>0.11641894120768298</v>
      </c>
      <c r="AA172" s="121">
        <v>1.8323366066907539E-2</v>
      </c>
      <c r="AB172" s="92">
        <v>5.1151668019610304E-2</v>
      </c>
    </row>
    <row r="173" spans="1:28">
      <c r="A173" s="52" t="s">
        <v>550</v>
      </c>
      <c r="B173" s="157">
        <v>161</v>
      </c>
      <c r="C173" s="160">
        <v>0.24281671935114654</v>
      </c>
      <c r="D173" s="89">
        <v>6.7334503390387518E-2</v>
      </c>
      <c r="E173" s="160">
        <v>0.18266516214262743</v>
      </c>
      <c r="F173" s="89">
        <v>6.1125189183153635E-2</v>
      </c>
      <c r="G173" s="160">
        <v>0.33354213641319219</v>
      </c>
      <c r="H173" s="89">
        <v>7.3627880840577947E-2</v>
      </c>
      <c r="I173" s="160">
        <v>0.24097598209303325</v>
      </c>
      <c r="J173" s="89">
        <v>6.7171448303331063E-2</v>
      </c>
      <c r="K173" s="119">
        <v>161</v>
      </c>
      <c r="L173" s="118">
        <v>0.26903770522287584</v>
      </c>
      <c r="M173" s="89">
        <v>6.9493653357467905E-2</v>
      </c>
      <c r="N173" s="118">
        <v>0.23605945774567313</v>
      </c>
      <c r="O173" s="89">
        <v>6.6728237020692069E-2</v>
      </c>
      <c r="P173" s="118">
        <v>0.36465076495209325</v>
      </c>
      <c r="Q173" s="89">
        <v>7.5085088286276913E-2</v>
      </c>
      <c r="R173" s="118">
        <v>0.13025207207935716</v>
      </c>
      <c r="S173" s="89">
        <v>5.3898818499382023E-2</v>
      </c>
      <c r="T173" s="119">
        <v>162</v>
      </c>
      <c r="U173" s="118">
        <v>0.14463302251293247</v>
      </c>
      <c r="V173" s="89">
        <v>5.59102211933677E-2</v>
      </c>
      <c r="W173" s="118">
        <v>0.204856637132729</v>
      </c>
      <c r="X173" s="89">
        <v>6.3442957898468405E-2</v>
      </c>
      <c r="Y173" s="118">
        <v>0.60180739355988222</v>
      </c>
      <c r="Z173" s="89">
        <v>7.6067304103916891E-2</v>
      </c>
      <c r="AA173" s="118">
        <v>4.8702946794455977E-2</v>
      </c>
      <c r="AB173" s="89">
        <v>3.6743358448923784E-2</v>
      </c>
    </row>
    <row r="174" spans="1:28">
      <c r="A174" s="44" t="s">
        <v>551</v>
      </c>
      <c r="B174" s="158">
        <v>678</v>
      </c>
      <c r="C174" s="159">
        <v>0.2183600158888892</v>
      </c>
      <c r="D174" s="92">
        <v>3.1725235642814952E-2</v>
      </c>
      <c r="E174" s="159">
        <v>0.21640100932392645</v>
      </c>
      <c r="F174" s="92">
        <v>3.1623916048342117E-2</v>
      </c>
      <c r="G174" s="159">
        <v>0.38134424784151733</v>
      </c>
      <c r="H174" s="92">
        <v>3.7211094735288386E-2</v>
      </c>
      <c r="I174" s="159">
        <v>0.18389472694566933</v>
      </c>
      <c r="J174" s="92">
        <v>2.9783788916386968E-2</v>
      </c>
      <c r="K174" s="122">
        <v>671</v>
      </c>
      <c r="L174" s="121">
        <v>0.29289803958388438</v>
      </c>
      <c r="M174" s="92">
        <v>3.5075842669910949E-2</v>
      </c>
      <c r="N174" s="121">
        <v>0.19912354520270126</v>
      </c>
      <c r="O174" s="92">
        <v>3.084422878240263E-2</v>
      </c>
      <c r="P174" s="121">
        <v>0.38149811643129944</v>
      </c>
      <c r="Q174" s="92">
        <v>3.7406534776011628E-2</v>
      </c>
      <c r="R174" s="121">
        <v>0.12648029878211753</v>
      </c>
      <c r="S174" s="92">
        <v>2.5777586344142501E-2</v>
      </c>
      <c r="T174" s="122">
        <v>675</v>
      </c>
      <c r="U174" s="121">
        <v>0.23779293320077077</v>
      </c>
      <c r="V174" s="92">
        <v>3.2748887296338944E-2</v>
      </c>
      <c r="W174" s="121">
        <v>0.21167342404922537</v>
      </c>
      <c r="X174" s="92">
        <v>3.1444775165832051E-2</v>
      </c>
      <c r="Y174" s="121">
        <v>0.47153795703574697</v>
      </c>
      <c r="Z174" s="92">
        <v>3.8314982321179032E-2</v>
      </c>
      <c r="AA174" s="121">
        <v>7.8995685714260688E-2</v>
      </c>
      <c r="AB174" s="92">
        <v>2.0996881491853487E-2</v>
      </c>
    </row>
  </sheetData>
  <mergeCells count="24">
    <mergeCell ref="A149:AB149"/>
    <mergeCell ref="A148:AB148"/>
    <mergeCell ref="P92:V92"/>
    <mergeCell ref="E34:I34"/>
    <mergeCell ref="A33:I33"/>
    <mergeCell ref="A63:D63"/>
    <mergeCell ref="A90:V90"/>
    <mergeCell ref="A121:D121"/>
    <mergeCell ref="K150:S150"/>
    <mergeCell ref="T150:AB150"/>
    <mergeCell ref="A119:D119"/>
    <mergeCell ref="A120:D120"/>
    <mergeCell ref="A3:O3"/>
    <mergeCell ref="A4:O4"/>
    <mergeCell ref="E5:O5"/>
    <mergeCell ref="A32:I32"/>
    <mergeCell ref="B92:H92"/>
    <mergeCell ref="I92:O92"/>
    <mergeCell ref="B150:J150"/>
    <mergeCell ref="A91:V91"/>
    <mergeCell ref="A5:D5"/>
    <mergeCell ref="A34:D34"/>
    <mergeCell ref="A61:D61"/>
    <mergeCell ref="A62:D62"/>
  </mergeCells>
  <pageMargins left="0.7" right="0.7" top="0.75" bottom="0.75" header="0.3" footer="0.3"/>
  <pageSetup paperSize="9" orientation="portrait" r:id="rId1"/>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800-000000000000}">
  <dimension ref="A1:AS147"/>
  <sheetViews>
    <sheetView zoomScaleNormal="100" workbookViewId="0"/>
  </sheetViews>
  <sheetFormatPr defaultColWidth="19.140625" defaultRowHeight="15"/>
  <cols>
    <col min="1" max="1" width="50.5703125" customWidth="1"/>
  </cols>
  <sheetData>
    <row r="1" spans="1:4" ht="31.5">
      <c r="A1" s="30" t="s">
        <v>39</v>
      </c>
    </row>
    <row r="3" spans="1:4" ht="18.75">
      <c r="A3" s="342" t="s">
        <v>11</v>
      </c>
      <c r="B3" s="342"/>
      <c r="C3" s="342"/>
      <c r="D3" s="342"/>
    </row>
    <row r="4" spans="1:4" ht="133.5" customHeight="1">
      <c r="A4" s="398" t="s">
        <v>471</v>
      </c>
      <c r="B4" s="398"/>
      <c r="C4" s="398"/>
      <c r="D4" s="398"/>
    </row>
    <row r="5" spans="1:4" ht="38.25" customHeight="1">
      <c r="A5" s="348" t="s">
        <v>122</v>
      </c>
      <c r="B5" s="348"/>
      <c r="C5" s="348"/>
      <c r="D5" s="348"/>
    </row>
    <row r="6" spans="1:4" ht="72">
      <c r="A6" s="32" t="s">
        <v>71</v>
      </c>
      <c r="B6" s="33" t="s">
        <v>72</v>
      </c>
      <c r="C6" s="34" t="s">
        <v>592</v>
      </c>
      <c r="D6" s="35" t="s">
        <v>73</v>
      </c>
    </row>
    <row r="7" spans="1:4" ht="72">
      <c r="A7" s="36"/>
      <c r="B7" s="37" t="s">
        <v>74</v>
      </c>
      <c r="C7" s="123" t="s">
        <v>123</v>
      </c>
      <c r="D7" s="39" t="s">
        <v>76</v>
      </c>
    </row>
    <row r="8" spans="1:4">
      <c r="A8" s="40" t="s">
        <v>350</v>
      </c>
      <c r="B8" s="161">
        <v>13038</v>
      </c>
      <c r="C8" s="162">
        <v>4.3063938454541928</v>
      </c>
      <c r="D8" s="81">
        <v>2.3278647383610147E-2</v>
      </c>
    </row>
    <row r="9" spans="1:4">
      <c r="A9" s="44" t="s">
        <v>351</v>
      </c>
      <c r="B9" s="44">
        <v>9671</v>
      </c>
      <c r="C9" s="164">
        <v>4.2588562671727557</v>
      </c>
      <c r="D9" s="82">
        <v>2.7110082737648852E-2</v>
      </c>
    </row>
    <row r="10" spans="1:4">
      <c r="A10" s="40" t="s">
        <v>352</v>
      </c>
      <c r="B10" s="48">
        <v>3367</v>
      </c>
      <c r="C10" s="162">
        <v>4.3459776287948415</v>
      </c>
      <c r="D10" s="81">
        <v>4.5414474455323685E-2</v>
      </c>
    </row>
    <row r="11" spans="1:4">
      <c r="A11" s="44" t="s">
        <v>555</v>
      </c>
      <c r="B11" s="44">
        <v>3427</v>
      </c>
      <c r="C11" s="164">
        <v>4.2953092078004653</v>
      </c>
      <c r="D11" s="82">
        <v>4.60801932703803E-2</v>
      </c>
    </row>
    <row r="12" spans="1:4">
      <c r="A12" s="40" t="s">
        <v>556</v>
      </c>
      <c r="B12" s="48">
        <v>2834</v>
      </c>
      <c r="C12" s="162">
        <v>4.2503864244785587</v>
      </c>
      <c r="D12" s="81">
        <v>5.0595141824126326E-2</v>
      </c>
    </row>
    <row r="13" spans="1:4">
      <c r="A13" s="44" t="s">
        <v>536</v>
      </c>
      <c r="B13" s="44">
        <v>309</v>
      </c>
      <c r="C13" s="164">
        <v>4.1702692098733367</v>
      </c>
      <c r="D13" s="82">
        <v>0.15527781956837416</v>
      </c>
    </row>
    <row r="14" spans="1:4">
      <c r="A14" s="40" t="s">
        <v>537</v>
      </c>
      <c r="B14" s="48">
        <v>150</v>
      </c>
      <c r="C14" s="162">
        <v>4.1590335964583565</v>
      </c>
      <c r="D14" s="81">
        <v>0.2051142081071019</v>
      </c>
    </row>
    <row r="15" spans="1:4">
      <c r="A15" s="44" t="s">
        <v>538</v>
      </c>
      <c r="B15" s="44">
        <v>88</v>
      </c>
      <c r="C15" s="164">
        <v>4.2063755491546413</v>
      </c>
      <c r="D15" s="82">
        <v>0.31919057351719876</v>
      </c>
    </row>
    <row r="16" spans="1:4">
      <c r="A16" s="40" t="s">
        <v>539</v>
      </c>
      <c r="B16" s="48">
        <v>239</v>
      </c>
      <c r="C16" s="162">
        <v>4.1471627559723361</v>
      </c>
      <c r="D16" s="81">
        <v>0.16961395958846007</v>
      </c>
    </row>
    <row r="17" spans="1:37">
      <c r="A17" s="44" t="s">
        <v>540</v>
      </c>
      <c r="B17" s="44">
        <v>82</v>
      </c>
      <c r="C17" s="164">
        <v>3.8978748505507212</v>
      </c>
      <c r="D17" s="82">
        <v>0.28595469856086825</v>
      </c>
    </row>
    <row r="18" spans="1:37">
      <c r="A18" s="40" t="s">
        <v>541</v>
      </c>
      <c r="B18" s="161">
        <v>88</v>
      </c>
      <c r="C18" s="162">
        <v>4.2559466707769662</v>
      </c>
      <c r="D18" s="81">
        <v>0.25827199494726449</v>
      </c>
    </row>
    <row r="19" spans="1:37">
      <c r="A19" s="44" t="s">
        <v>542</v>
      </c>
      <c r="B19" s="163">
        <v>69</v>
      </c>
      <c r="C19" s="164">
        <v>4.292080568740527</v>
      </c>
      <c r="D19" s="82">
        <v>0.34898403184915094</v>
      </c>
    </row>
    <row r="20" spans="1:37">
      <c r="A20" s="40" t="s">
        <v>543</v>
      </c>
      <c r="B20" s="78">
        <v>450</v>
      </c>
      <c r="C20" s="162">
        <v>4.2278443652224764</v>
      </c>
      <c r="D20" s="81">
        <v>0.12799608764687534</v>
      </c>
    </row>
    <row r="21" spans="1:37">
      <c r="A21" s="44" t="s">
        <v>616</v>
      </c>
      <c r="B21" s="163">
        <v>235</v>
      </c>
      <c r="C21" s="164">
        <v>4.1636961337123326</v>
      </c>
      <c r="D21" s="82">
        <v>0.17795855762150486</v>
      </c>
    </row>
    <row r="22" spans="1:37">
      <c r="A22" s="52" t="s">
        <v>544</v>
      </c>
      <c r="B22" s="161">
        <v>215</v>
      </c>
      <c r="C22" s="162">
        <v>4.2870949494124062</v>
      </c>
      <c r="D22" s="81">
        <v>0.18390758834901366</v>
      </c>
    </row>
    <row r="23" spans="1:37">
      <c r="A23" s="44" t="s">
        <v>545</v>
      </c>
      <c r="B23" s="163">
        <v>105</v>
      </c>
      <c r="C23" s="164">
        <v>4.2474375768550168</v>
      </c>
      <c r="D23" s="82">
        <v>0.26051429648421226</v>
      </c>
    </row>
    <row r="24" spans="1:37">
      <c r="A24" s="52" t="s">
        <v>546</v>
      </c>
      <c r="B24" s="161">
        <v>276</v>
      </c>
      <c r="C24" s="162">
        <v>4.083875532190806</v>
      </c>
      <c r="D24" s="81">
        <v>0.17305892571208487</v>
      </c>
    </row>
    <row r="25" spans="1:37">
      <c r="A25" s="44" t="s">
        <v>557</v>
      </c>
      <c r="B25" s="163">
        <v>109</v>
      </c>
      <c r="C25" s="164">
        <v>3.9555044262686248</v>
      </c>
      <c r="D25" s="82">
        <v>0.28115226858921399</v>
      </c>
    </row>
    <row r="26" spans="1:37">
      <c r="A26" s="52" t="s">
        <v>558</v>
      </c>
      <c r="B26" s="161">
        <v>108</v>
      </c>
      <c r="C26" s="162">
        <v>4.2289670798601122</v>
      </c>
      <c r="D26" s="81">
        <v>0.27468174729743583</v>
      </c>
    </row>
    <row r="27" spans="1:37">
      <c r="A27" s="44" t="s">
        <v>549</v>
      </c>
      <c r="B27" s="163">
        <v>59</v>
      </c>
      <c r="C27" s="164">
        <v>4.0794676832324921</v>
      </c>
      <c r="D27" s="82">
        <v>0.36899294645381975</v>
      </c>
    </row>
    <row r="28" spans="1:37">
      <c r="A28" s="52" t="s">
        <v>550</v>
      </c>
      <c r="B28" s="161">
        <v>154</v>
      </c>
      <c r="C28" s="162">
        <v>4.1115897208085128</v>
      </c>
      <c r="D28" s="81">
        <v>0.21231004392749941</v>
      </c>
    </row>
    <row r="29" spans="1:37">
      <c r="A29" s="44" t="s">
        <v>551</v>
      </c>
      <c r="B29" s="163">
        <v>616</v>
      </c>
      <c r="C29" s="164">
        <v>4.3366833748343163</v>
      </c>
      <c r="D29" s="82">
        <v>0.10929249835459688</v>
      </c>
    </row>
    <row r="32" spans="1:37" ht="18.75">
      <c r="A32" s="342" t="s">
        <v>42</v>
      </c>
      <c r="B32" s="342"/>
      <c r="C32" s="342"/>
      <c r="D32" s="342"/>
      <c r="E32" s="342"/>
      <c r="F32" s="342"/>
      <c r="G32" s="342"/>
      <c r="H32" s="342"/>
      <c r="I32" s="342"/>
      <c r="J32" s="342"/>
      <c r="K32" s="342"/>
      <c r="L32" s="342"/>
      <c r="M32" s="342"/>
      <c r="N32" s="342"/>
      <c r="O32" s="342"/>
      <c r="P32" s="342"/>
      <c r="Q32" s="342"/>
      <c r="R32" s="342"/>
      <c r="S32" s="342"/>
      <c r="T32" s="342"/>
      <c r="U32" s="342"/>
      <c r="V32" s="342"/>
      <c r="W32" s="342"/>
      <c r="X32" s="342"/>
      <c r="Y32" s="342"/>
      <c r="Z32" s="342"/>
      <c r="AA32" s="342"/>
      <c r="AB32" s="342"/>
      <c r="AC32" s="342"/>
      <c r="AD32" s="342"/>
      <c r="AE32" s="342"/>
      <c r="AF32" s="342"/>
      <c r="AG32" s="342"/>
      <c r="AH32" s="342"/>
      <c r="AI32" s="342"/>
      <c r="AJ32" s="342"/>
      <c r="AK32" s="342"/>
    </row>
    <row r="33" spans="1:45" ht="64.5" customHeight="1">
      <c r="A33" s="405" t="s">
        <v>599</v>
      </c>
      <c r="B33" s="405"/>
      <c r="C33" s="405"/>
      <c r="D33" s="405"/>
      <c r="E33" s="405"/>
      <c r="F33" s="405"/>
      <c r="G33" s="405"/>
      <c r="H33" s="405"/>
      <c r="I33" s="405"/>
      <c r="J33" s="405"/>
      <c r="K33" s="405"/>
      <c r="L33" s="405"/>
      <c r="M33" s="405"/>
      <c r="N33" s="405"/>
      <c r="O33" s="405"/>
      <c r="P33" s="405"/>
      <c r="Q33" s="405"/>
      <c r="R33" s="405"/>
      <c r="S33" s="405"/>
      <c r="T33" s="405"/>
      <c r="U33" s="405"/>
      <c r="V33" s="405"/>
      <c r="W33" s="405"/>
      <c r="X33" s="405"/>
      <c r="Y33" s="405"/>
      <c r="Z33" s="405"/>
      <c r="AA33" s="405"/>
      <c r="AB33" s="405"/>
      <c r="AC33" s="405"/>
      <c r="AD33" s="405"/>
      <c r="AE33" s="405"/>
      <c r="AF33" s="405"/>
      <c r="AG33" s="405"/>
      <c r="AH33" s="405"/>
      <c r="AI33" s="405"/>
      <c r="AJ33" s="405"/>
      <c r="AK33" s="405"/>
    </row>
    <row r="34" spans="1:45" ht="39" customHeight="1">
      <c r="A34" s="59"/>
      <c r="B34" s="399" t="s">
        <v>124</v>
      </c>
      <c r="C34" s="403"/>
      <c r="D34" s="403"/>
      <c r="E34" s="403"/>
      <c r="F34" s="403"/>
      <c r="G34" s="403"/>
      <c r="H34" s="403"/>
      <c r="I34" s="403"/>
      <c r="J34" s="404"/>
      <c r="K34" s="399" t="s">
        <v>389</v>
      </c>
      <c r="L34" s="403"/>
      <c r="M34" s="403"/>
      <c r="N34" s="403"/>
      <c r="O34" s="403"/>
      <c r="P34" s="403"/>
      <c r="Q34" s="403"/>
      <c r="R34" s="403"/>
      <c r="S34" s="404"/>
      <c r="T34" s="399" t="s">
        <v>125</v>
      </c>
      <c r="U34" s="403"/>
      <c r="V34" s="403"/>
      <c r="W34" s="403"/>
      <c r="X34" s="403"/>
      <c r="Y34" s="403"/>
      <c r="Z34" s="403"/>
      <c r="AA34" s="403"/>
      <c r="AB34" s="404"/>
      <c r="AC34" s="399" t="s">
        <v>390</v>
      </c>
      <c r="AD34" s="403"/>
      <c r="AE34" s="403"/>
      <c r="AF34" s="403"/>
      <c r="AG34" s="403"/>
      <c r="AH34" s="403"/>
      <c r="AI34" s="403"/>
      <c r="AJ34" s="403"/>
      <c r="AK34" s="404"/>
      <c r="AL34" s="289"/>
      <c r="AM34" s="289"/>
      <c r="AN34" s="289"/>
      <c r="AO34" s="289"/>
      <c r="AP34" s="289"/>
      <c r="AQ34" s="289"/>
      <c r="AR34" s="289"/>
      <c r="AS34" s="289"/>
    </row>
    <row r="35" spans="1:45" ht="72">
      <c r="A35" s="32" t="s">
        <v>71</v>
      </c>
      <c r="B35" s="33" t="s">
        <v>72</v>
      </c>
      <c r="C35" s="33" t="s">
        <v>156</v>
      </c>
      <c r="D35" s="84" t="s">
        <v>85</v>
      </c>
      <c r="E35" s="33" t="s">
        <v>157</v>
      </c>
      <c r="F35" s="84" t="s">
        <v>86</v>
      </c>
      <c r="G35" s="33" t="s">
        <v>158</v>
      </c>
      <c r="H35" s="84" t="s">
        <v>87</v>
      </c>
      <c r="I35" s="33" t="s">
        <v>301</v>
      </c>
      <c r="J35" s="84" t="s">
        <v>300</v>
      </c>
      <c r="K35" s="60" t="s">
        <v>72</v>
      </c>
      <c r="L35" s="60" t="s">
        <v>156</v>
      </c>
      <c r="M35" s="83" t="s">
        <v>85</v>
      </c>
      <c r="N35" s="60" t="s">
        <v>157</v>
      </c>
      <c r="O35" s="83" t="s">
        <v>86</v>
      </c>
      <c r="P35" s="60" t="s">
        <v>158</v>
      </c>
      <c r="Q35" s="83" t="s">
        <v>87</v>
      </c>
      <c r="R35" s="60" t="s">
        <v>301</v>
      </c>
      <c r="S35" s="83" t="s">
        <v>300</v>
      </c>
      <c r="T35" s="33" t="s">
        <v>72</v>
      </c>
      <c r="U35" s="33" t="s">
        <v>156</v>
      </c>
      <c r="V35" s="84" t="s">
        <v>85</v>
      </c>
      <c r="W35" s="33" t="s">
        <v>157</v>
      </c>
      <c r="X35" s="84" t="s">
        <v>86</v>
      </c>
      <c r="Y35" s="33" t="s">
        <v>158</v>
      </c>
      <c r="Z35" s="84" t="s">
        <v>87</v>
      </c>
      <c r="AA35" s="33" t="s">
        <v>301</v>
      </c>
      <c r="AB35" s="84" t="s">
        <v>300</v>
      </c>
      <c r="AC35" s="60" t="s">
        <v>72</v>
      </c>
      <c r="AD35" s="60" t="s">
        <v>156</v>
      </c>
      <c r="AE35" s="83" t="s">
        <v>85</v>
      </c>
      <c r="AF35" s="60" t="s">
        <v>157</v>
      </c>
      <c r="AG35" s="83" t="s">
        <v>86</v>
      </c>
      <c r="AH35" s="60" t="s">
        <v>158</v>
      </c>
      <c r="AI35" s="83" t="s">
        <v>87</v>
      </c>
      <c r="AJ35" s="60" t="s">
        <v>301</v>
      </c>
      <c r="AK35" s="83" t="s">
        <v>300</v>
      </c>
    </row>
    <row r="36" spans="1:45" ht="84">
      <c r="A36" s="36"/>
      <c r="B36" s="37" t="s">
        <v>74</v>
      </c>
      <c r="C36" s="37" t="s">
        <v>159</v>
      </c>
      <c r="D36" s="86" t="s">
        <v>126</v>
      </c>
      <c r="E36" s="37" t="s">
        <v>160</v>
      </c>
      <c r="F36" s="86" t="s">
        <v>127</v>
      </c>
      <c r="G36" s="37" t="s">
        <v>161</v>
      </c>
      <c r="H36" s="86" t="s">
        <v>128</v>
      </c>
      <c r="I36" s="37" t="s">
        <v>301</v>
      </c>
      <c r="J36" s="86" t="s">
        <v>88</v>
      </c>
      <c r="K36" s="63" t="s">
        <v>74</v>
      </c>
      <c r="L36" s="63" t="s">
        <v>159</v>
      </c>
      <c r="M36" s="85" t="s">
        <v>126</v>
      </c>
      <c r="N36" s="63" t="s">
        <v>160</v>
      </c>
      <c r="O36" s="85" t="s">
        <v>127</v>
      </c>
      <c r="P36" s="63" t="s">
        <v>161</v>
      </c>
      <c r="Q36" s="85" t="s">
        <v>128</v>
      </c>
      <c r="R36" s="63" t="s">
        <v>301</v>
      </c>
      <c r="S36" s="85" t="s">
        <v>88</v>
      </c>
      <c r="T36" s="37" t="s">
        <v>74</v>
      </c>
      <c r="U36" s="37" t="s">
        <v>159</v>
      </c>
      <c r="V36" s="86" t="s">
        <v>126</v>
      </c>
      <c r="W36" s="37" t="s">
        <v>160</v>
      </c>
      <c r="X36" s="86" t="s">
        <v>127</v>
      </c>
      <c r="Y36" s="37" t="s">
        <v>161</v>
      </c>
      <c r="Z36" s="86" t="s">
        <v>128</v>
      </c>
      <c r="AA36" s="37" t="s">
        <v>301</v>
      </c>
      <c r="AB36" s="86" t="s">
        <v>88</v>
      </c>
      <c r="AC36" s="63" t="s">
        <v>74</v>
      </c>
      <c r="AD36" s="63" t="s">
        <v>159</v>
      </c>
      <c r="AE36" s="85" t="s">
        <v>126</v>
      </c>
      <c r="AF36" s="63" t="s">
        <v>160</v>
      </c>
      <c r="AG36" s="85" t="s">
        <v>127</v>
      </c>
      <c r="AH36" s="63" t="s">
        <v>161</v>
      </c>
      <c r="AI36" s="85" t="s">
        <v>128</v>
      </c>
      <c r="AJ36" s="63" t="s">
        <v>301</v>
      </c>
      <c r="AK36" s="85" t="s">
        <v>88</v>
      </c>
    </row>
    <row r="37" spans="1:45">
      <c r="A37" s="40" t="s">
        <v>350</v>
      </c>
      <c r="B37" s="161">
        <v>13880</v>
      </c>
      <c r="C37" s="165">
        <v>0.29135498375824709</v>
      </c>
      <c r="D37" s="89">
        <v>7.7130236530871749E-3</v>
      </c>
      <c r="E37" s="165">
        <v>0.20774797413696611</v>
      </c>
      <c r="F37" s="89">
        <v>6.8871205039825641E-3</v>
      </c>
      <c r="G37" s="165">
        <v>0.42667464265435678</v>
      </c>
      <c r="H37" s="89">
        <v>8.3950721840318297E-3</v>
      </c>
      <c r="I37" s="88">
        <v>7.4222399450447132E-2</v>
      </c>
      <c r="J37" s="89">
        <v>4.4526989233520213E-3</v>
      </c>
      <c r="K37" s="161">
        <v>13890</v>
      </c>
      <c r="L37" s="165">
        <v>0.34189549028266986</v>
      </c>
      <c r="M37" s="89">
        <v>8.0486743476053009E-3</v>
      </c>
      <c r="N37" s="165">
        <v>0.19965478829868658</v>
      </c>
      <c r="O37" s="89">
        <v>6.7836815219318699E-3</v>
      </c>
      <c r="P37" s="165">
        <v>0.38036655567884892</v>
      </c>
      <c r="Q37" s="89">
        <v>8.2374449806215944E-3</v>
      </c>
      <c r="R37" s="88">
        <v>7.8083165739812943E-2</v>
      </c>
      <c r="S37" s="89">
        <v>4.5556447490135397E-3</v>
      </c>
      <c r="T37" s="161">
        <v>13870</v>
      </c>
      <c r="U37" s="165">
        <v>0.27724897641459306</v>
      </c>
      <c r="V37" s="89">
        <v>7.6013281544836074E-3</v>
      </c>
      <c r="W37" s="165">
        <v>0.17088162611656965</v>
      </c>
      <c r="X37" s="89">
        <v>6.3926480768412685E-3</v>
      </c>
      <c r="Y37" s="165">
        <v>0.47270941898900426</v>
      </c>
      <c r="Z37" s="89">
        <v>8.4771849695039116E-3</v>
      </c>
      <c r="AA37" s="88">
        <v>7.9159978479849333E-2</v>
      </c>
      <c r="AB37" s="89">
        <v>4.5875207340211428E-3</v>
      </c>
      <c r="AC37" s="161">
        <v>13866</v>
      </c>
      <c r="AD37" s="165">
        <v>0.18962844274582047</v>
      </c>
      <c r="AE37" s="89">
        <v>6.6583111622112584E-3</v>
      </c>
      <c r="AF37" s="165">
        <v>0.20424099143650934</v>
      </c>
      <c r="AG37" s="89">
        <v>6.8473320865241206E-3</v>
      </c>
      <c r="AH37" s="165">
        <v>0.5516637581328524</v>
      </c>
      <c r="AI37" s="89">
        <v>8.4456341950027262E-3</v>
      </c>
      <c r="AJ37" s="88">
        <v>5.4466807684833363E-2</v>
      </c>
      <c r="AK37" s="89">
        <v>3.8581424358494704E-3</v>
      </c>
    </row>
    <row r="38" spans="1:45">
      <c r="A38" s="44" t="s">
        <v>351</v>
      </c>
      <c r="B38" s="163">
        <v>10168</v>
      </c>
      <c r="C38" s="166">
        <v>0.33326677326710175</v>
      </c>
      <c r="D38" s="92">
        <v>9.3480330482870848E-3</v>
      </c>
      <c r="E38" s="166">
        <v>0.19428790359081041</v>
      </c>
      <c r="F38" s="92">
        <v>7.8476849694572807E-3</v>
      </c>
      <c r="G38" s="166">
        <v>0.41315788767892103</v>
      </c>
      <c r="H38" s="92">
        <v>9.7645175620285907E-3</v>
      </c>
      <c r="I38" s="91">
        <v>5.9287435463167414E-2</v>
      </c>
      <c r="J38" s="92">
        <v>4.6895420877363717E-3</v>
      </c>
      <c r="K38" s="163">
        <v>10170</v>
      </c>
      <c r="L38" s="166">
        <v>0.39402579456126929</v>
      </c>
      <c r="M38" s="92">
        <v>9.6890579643586581E-3</v>
      </c>
      <c r="N38" s="166">
        <v>0.18979803786146401</v>
      </c>
      <c r="O38" s="92">
        <v>7.7773820216411422E-3</v>
      </c>
      <c r="P38" s="166">
        <v>0.35379391199148785</v>
      </c>
      <c r="Q38" s="92">
        <v>9.48114504039641E-3</v>
      </c>
      <c r="R38" s="91">
        <v>6.2382255585778743E-2</v>
      </c>
      <c r="S38" s="92">
        <v>4.8015980641209861E-3</v>
      </c>
      <c r="T38" s="163">
        <v>10158</v>
      </c>
      <c r="U38" s="166">
        <v>0.2617227838355578</v>
      </c>
      <c r="V38" s="92">
        <v>8.7221010497714763E-3</v>
      </c>
      <c r="W38" s="166">
        <v>0.15472642745560647</v>
      </c>
      <c r="X38" s="92">
        <v>7.1775632918835621E-3</v>
      </c>
      <c r="Y38" s="166">
        <v>0.51047888836438104</v>
      </c>
      <c r="Z38" s="92">
        <v>9.9177939588992944E-3</v>
      </c>
      <c r="AA38" s="91">
        <v>7.307190034444877E-2</v>
      </c>
      <c r="AB38" s="92">
        <v>5.168899282576263E-3</v>
      </c>
      <c r="AC38" s="163">
        <v>10150</v>
      </c>
      <c r="AD38" s="166">
        <v>0.19876171915823659</v>
      </c>
      <c r="AE38" s="92">
        <v>7.9223874203287852E-3</v>
      </c>
      <c r="AF38" s="166">
        <v>0.19577903998632742</v>
      </c>
      <c r="AG38" s="92">
        <v>7.8773969127038865E-3</v>
      </c>
      <c r="AH38" s="166">
        <v>0.56270077896976678</v>
      </c>
      <c r="AI38" s="92">
        <v>9.8456016184728413E-3</v>
      </c>
      <c r="AJ38" s="91">
        <v>4.2758461885663117E-2</v>
      </c>
      <c r="AK38" s="92">
        <v>4.0235109008786556E-3</v>
      </c>
    </row>
    <row r="39" spans="1:45">
      <c r="A39" s="40" t="s">
        <v>352</v>
      </c>
      <c r="B39" s="161">
        <v>3712</v>
      </c>
      <c r="C39" s="165">
        <v>0.25751204521443621</v>
      </c>
      <c r="D39" s="89">
        <v>1.435090423557771E-2</v>
      </c>
      <c r="E39" s="165">
        <v>0.21861671406972916</v>
      </c>
      <c r="F39" s="89">
        <v>1.3566953538342721E-2</v>
      </c>
      <c r="G39" s="165">
        <v>0.43758915413920407</v>
      </c>
      <c r="H39" s="89">
        <v>1.6276448788270725E-2</v>
      </c>
      <c r="I39" s="88">
        <v>8.6282086576631195E-2</v>
      </c>
      <c r="J39" s="89">
        <v>9.2335897220080995E-3</v>
      </c>
      <c r="K39" s="161">
        <v>3720</v>
      </c>
      <c r="L39" s="165">
        <v>0.29988188691440143</v>
      </c>
      <c r="M39" s="89">
        <v>1.5020169942289666E-2</v>
      </c>
      <c r="N39" s="165">
        <v>0.20759868214507307</v>
      </c>
      <c r="O39" s="89">
        <v>1.3300018210992307E-2</v>
      </c>
      <c r="P39" s="165">
        <v>0.40178236223849839</v>
      </c>
      <c r="Q39" s="89">
        <v>1.6068262271909963E-2</v>
      </c>
      <c r="R39" s="88">
        <v>9.0737068702027524E-2</v>
      </c>
      <c r="S39" s="89">
        <v>9.4342361478275787E-3</v>
      </c>
      <c r="T39" s="161">
        <v>3712</v>
      </c>
      <c r="U39" s="165">
        <v>0.28976239904789852</v>
      </c>
      <c r="V39" s="89">
        <v>1.488727849610906E-2</v>
      </c>
      <c r="W39" s="165">
        <v>0.1839019997555458</v>
      </c>
      <c r="X39" s="89">
        <v>1.2719421723788366E-2</v>
      </c>
      <c r="Y39" s="165">
        <v>0.44226890174535066</v>
      </c>
      <c r="Z39" s="89">
        <v>1.6294989609164812E-2</v>
      </c>
      <c r="AA39" s="88">
        <v>8.4066699451206095E-2</v>
      </c>
      <c r="AB39" s="89">
        <v>9.1260597318304666E-3</v>
      </c>
      <c r="AC39" s="161">
        <v>3716</v>
      </c>
      <c r="AD39" s="165">
        <v>0.18226540276901662</v>
      </c>
      <c r="AE39" s="89">
        <v>1.2668720141177653E-2</v>
      </c>
      <c r="AF39" s="165">
        <v>0.21106282447822419</v>
      </c>
      <c r="AG39" s="89">
        <v>1.3388116583072094E-2</v>
      </c>
      <c r="AH39" s="165">
        <v>0.54276596264550536</v>
      </c>
      <c r="AI39" s="89">
        <v>1.6335692286377296E-2</v>
      </c>
      <c r="AJ39" s="88">
        <v>6.3905810107254254E-2</v>
      </c>
      <c r="AK39" s="89">
        <v>8.0476152154377954E-3</v>
      </c>
    </row>
    <row r="40" spans="1:45">
      <c r="A40" s="44" t="s">
        <v>555</v>
      </c>
      <c r="B40" s="163">
        <v>3609</v>
      </c>
      <c r="C40" s="166">
        <v>0.29057192023829098</v>
      </c>
      <c r="D40" s="92">
        <v>1.5110514258890512E-2</v>
      </c>
      <c r="E40" s="166">
        <v>0.19346891784693554</v>
      </c>
      <c r="F40" s="92">
        <v>1.3152289124872232E-2</v>
      </c>
      <c r="G40" s="166">
        <v>0.44944179125033346</v>
      </c>
      <c r="H40" s="92">
        <v>1.6551575006847334E-2</v>
      </c>
      <c r="I40" s="91">
        <v>6.6517370664455247E-2</v>
      </c>
      <c r="J40" s="92">
        <v>8.3189031942312967E-3</v>
      </c>
      <c r="K40" s="163">
        <v>3604</v>
      </c>
      <c r="L40" s="166">
        <v>0.35863281111372769</v>
      </c>
      <c r="M40" s="92">
        <v>1.5970441282687702E-2</v>
      </c>
      <c r="N40" s="166">
        <v>0.19137904791601479</v>
      </c>
      <c r="O40" s="92">
        <v>1.310727448683831E-2</v>
      </c>
      <c r="P40" s="166">
        <v>0.3785928691055197</v>
      </c>
      <c r="Q40" s="92">
        <v>1.6151066658468327E-2</v>
      </c>
      <c r="R40" s="91">
        <v>7.1395271864754403E-2</v>
      </c>
      <c r="S40" s="92">
        <v>8.5995592864350212E-3</v>
      </c>
      <c r="T40" s="163">
        <v>3604</v>
      </c>
      <c r="U40" s="166">
        <v>0.28646455081759947</v>
      </c>
      <c r="V40" s="92">
        <v>1.505730586183363E-2</v>
      </c>
      <c r="W40" s="166">
        <v>0.16689364881435154</v>
      </c>
      <c r="X40" s="92">
        <v>1.2426549304431782E-2</v>
      </c>
      <c r="Y40" s="166">
        <v>0.46917411619062044</v>
      </c>
      <c r="Z40" s="92">
        <v>1.6616579713185309E-2</v>
      </c>
      <c r="AA40" s="91">
        <v>7.7467684177443111E-2</v>
      </c>
      <c r="AB40" s="92">
        <v>8.92578939956515E-3</v>
      </c>
      <c r="AC40" s="163">
        <v>3596</v>
      </c>
      <c r="AD40" s="166">
        <v>0.19245997309060128</v>
      </c>
      <c r="AE40" s="92">
        <v>1.3149955419825811E-2</v>
      </c>
      <c r="AF40" s="166">
        <v>0.19593306944027805</v>
      </c>
      <c r="AG40" s="92">
        <v>1.3239194626620524E-2</v>
      </c>
      <c r="AH40" s="166">
        <v>0.56242113633773627</v>
      </c>
      <c r="AI40" s="92">
        <v>1.6536567411875123E-2</v>
      </c>
      <c r="AJ40" s="91">
        <v>4.9185821131395156E-2</v>
      </c>
      <c r="AK40" s="92">
        <v>7.2432309439291838E-3</v>
      </c>
    </row>
    <row r="41" spans="1:45">
      <c r="A41" s="40" t="s">
        <v>556</v>
      </c>
      <c r="B41" s="161">
        <v>2959</v>
      </c>
      <c r="C41" s="165">
        <v>0.342269576135658</v>
      </c>
      <c r="D41" s="89">
        <v>1.7435605073168086E-2</v>
      </c>
      <c r="E41" s="165">
        <v>0.18571627615817912</v>
      </c>
      <c r="F41" s="89">
        <v>1.43007684587772E-2</v>
      </c>
      <c r="G41" s="165">
        <v>0.41942475755785913</v>
      </c>
      <c r="H41" s="89">
        <v>1.8131597830727587E-2</v>
      </c>
      <c r="I41" s="88">
        <v>5.2589390148299449E-2</v>
      </c>
      <c r="J41" s="89">
        <v>8.2456260107038552E-3</v>
      </c>
      <c r="K41" s="161">
        <v>2954</v>
      </c>
      <c r="L41" s="165">
        <v>0.41768009594021582</v>
      </c>
      <c r="M41" s="89">
        <v>1.81363533719891E-2</v>
      </c>
      <c r="N41" s="165">
        <v>0.18341787547864319</v>
      </c>
      <c r="O41" s="89">
        <v>1.4244396055412854E-2</v>
      </c>
      <c r="P41" s="165">
        <v>0.34387228159742461</v>
      </c>
      <c r="Q41" s="89">
        <v>1.7469765874716648E-2</v>
      </c>
      <c r="R41" s="88">
        <v>5.5029746983711547E-2</v>
      </c>
      <c r="S41" s="89">
        <v>8.4287255412382155E-3</v>
      </c>
      <c r="T41" s="161">
        <v>2954</v>
      </c>
      <c r="U41" s="165">
        <v>0.24043282828891471</v>
      </c>
      <c r="V41" s="89">
        <v>1.5722706077675286E-2</v>
      </c>
      <c r="W41" s="165">
        <v>0.1462967093993422</v>
      </c>
      <c r="X41" s="89">
        <v>1.3013339306786541E-2</v>
      </c>
      <c r="Y41" s="165">
        <v>0.54288921325057071</v>
      </c>
      <c r="Z41" s="89">
        <v>1.8318993234798478E-2</v>
      </c>
      <c r="AA41" s="88">
        <v>7.0381249061168924E-2</v>
      </c>
      <c r="AB41" s="89">
        <v>9.441938338103294E-3</v>
      </c>
      <c r="AC41" s="161">
        <v>2947</v>
      </c>
      <c r="AD41" s="165">
        <v>0.19589439001253908</v>
      </c>
      <c r="AE41" s="89">
        <v>1.4623725953180322E-2</v>
      </c>
      <c r="AF41" s="165">
        <v>0.1926023212686874</v>
      </c>
      <c r="AG41" s="89">
        <v>1.4530383211830512E-2</v>
      </c>
      <c r="AH41" s="165">
        <v>0.56869283851764107</v>
      </c>
      <c r="AI41" s="89">
        <v>1.8234292708928585E-2</v>
      </c>
      <c r="AJ41" s="88">
        <v>4.2810450201129335E-2</v>
      </c>
      <c r="AK41" s="89">
        <v>7.5041142697872256E-3</v>
      </c>
    </row>
    <row r="42" spans="1:45">
      <c r="A42" s="44" t="s">
        <v>536</v>
      </c>
      <c r="B42" s="163">
        <v>327</v>
      </c>
      <c r="C42" s="166">
        <v>0.33858654598226123</v>
      </c>
      <c r="D42" s="92">
        <v>5.2094685258643809E-2</v>
      </c>
      <c r="E42" s="166">
        <v>0.15529649207028662</v>
      </c>
      <c r="F42" s="92">
        <v>4.0246061022275535E-2</v>
      </c>
      <c r="G42" s="166">
        <v>0.45121128591008969</v>
      </c>
      <c r="H42" s="92">
        <v>5.4708990584531422E-2</v>
      </c>
      <c r="I42" s="91">
        <v>5.4905676037364431E-2</v>
      </c>
      <c r="J42" s="92">
        <v>2.6164768027821222E-2</v>
      </c>
      <c r="K42" s="163">
        <v>328</v>
      </c>
      <c r="L42" s="166">
        <v>0.46928356703375412</v>
      </c>
      <c r="M42" s="92">
        <v>5.478095468782123E-2</v>
      </c>
      <c r="N42" s="166">
        <v>0.15861361002525654</v>
      </c>
      <c r="O42" s="92">
        <v>4.0515759312841432E-2</v>
      </c>
      <c r="P42" s="166">
        <v>0.31008326445546447</v>
      </c>
      <c r="Q42" s="92">
        <v>5.0871384620663943E-2</v>
      </c>
      <c r="R42" s="91">
        <v>6.2019558485527149E-2</v>
      </c>
      <c r="S42" s="92">
        <v>2.7499752816529058E-2</v>
      </c>
      <c r="T42" s="163">
        <v>326</v>
      </c>
      <c r="U42" s="166">
        <v>0.28414772538374261</v>
      </c>
      <c r="V42" s="92">
        <v>4.9791134421625818E-2</v>
      </c>
      <c r="W42" s="166">
        <v>0.15384240316231004</v>
      </c>
      <c r="X42" s="92">
        <v>4.0160611408217202E-2</v>
      </c>
      <c r="Y42" s="166">
        <v>0.51753963703347439</v>
      </c>
      <c r="Z42" s="92">
        <v>5.5015124514958436E-2</v>
      </c>
      <c r="AA42" s="91">
        <v>4.447023442047518E-2</v>
      </c>
      <c r="AB42" s="92">
        <v>2.3993086513287173E-2</v>
      </c>
      <c r="AC42" s="163">
        <v>329</v>
      </c>
      <c r="AD42" s="166">
        <v>0.16695295773129748</v>
      </c>
      <c r="AE42" s="92">
        <v>4.1260676600962221E-2</v>
      </c>
      <c r="AF42" s="166">
        <v>0.21369799619929628</v>
      </c>
      <c r="AG42" s="92">
        <v>4.5187438364914685E-2</v>
      </c>
      <c r="AH42" s="166">
        <v>0.57915555879734659</v>
      </c>
      <c r="AI42" s="92">
        <v>5.4125204471353147E-2</v>
      </c>
      <c r="AJ42" s="91">
        <v>4.0193487272062241E-2</v>
      </c>
      <c r="AK42" s="92">
        <v>2.2892009964324663E-2</v>
      </c>
    </row>
    <row r="43" spans="1:45">
      <c r="A43" s="40" t="s">
        <v>537</v>
      </c>
      <c r="B43" s="161">
        <v>160</v>
      </c>
      <c r="C43" s="165">
        <v>0.36337159587407791</v>
      </c>
      <c r="D43" s="89">
        <v>7.5260875611612321E-2</v>
      </c>
      <c r="E43" s="165">
        <v>0.1208626108889297</v>
      </c>
      <c r="F43" s="89">
        <v>5.2540643384705973E-2</v>
      </c>
      <c r="G43" s="165">
        <v>0.46511736561451678</v>
      </c>
      <c r="H43" s="89">
        <v>7.7905795828950047E-2</v>
      </c>
      <c r="I43" s="88">
        <v>5.0648427622474602E-2</v>
      </c>
      <c r="J43" s="89">
        <v>3.7550827032558243E-2</v>
      </c>
      <c r="K43" s="161">
        <v>161</v>
      </c>
      <c r="L43" s="165">
        <v>0.52704641776292704</v>
      </c>
      <c r="M43" s="89">
        <v>7.7741378315109688E-2</v>
      </c>
      <c r="N43" s="165">
        <v>0.15050512594297227</v>
      </c>
      <c r="O43" s="89">
        <v>5.6932455599262771E-2</v>
      </c>
      <c r="P43" s="165">
        <v>0.2690877445272174</v>
      </c>
      <c r="Q43" s="89">
        <v>6.9497491384905852E-2</v>
      </c>
      <c r="R43" s="88">
        <v>5.3360711766882257E-2</v>
      </c>
      <c r="S43" s="89">
        <v>3.8160169320179918E-2</v>
      </c>
      <c r="T43" s="161">
        <v>160</v>
      </c>
      <c r="U43" s="165">
        <v>0.28153219561066495</v>
      </c>
      <c r="V43" s="89">
        <v>7.0636760569201512E-2</v>
      </c>
      <c r="W43" s="165">
        <v>0.16310667825960892</v>
      </c>
      <c r="X43" s="89">
        <v>5.8844942289180135E-2</v>
      </c>
      <c r="Y43" s="165">
        <v>0.51017627828331313</v>
      </c>
      <c r="Z43" s="89">
        <v>7.8071485894302114E-2</v>
      </c>
      <c r="AA43" s="88">
        <v>4.5184847846412086E-2</v>
      </c>
      <c r="AB43" s="89">
        <v>3.5991427933204541E-2</v>
      </c>
      <c r="AC43" s="161">
        <v>162</v>
      </c>
      <c r="AD43" s="165">
        <v>0.13319793813754169</v>
      </c>
      <c r="AE43" s="89">
        <v>5.4188907139362169E-2</v>
      </c>
      <c r="AF43" s="165">
        <v>0.22448141275148489</v>
      </c>
      <c r="AG43" s="89">
        <v>6.5437134126504162E-2</v>
      </c>
      <c r="AH43" s="165">
        <v>0.60585540877893518</v>
      </c>
      <c r="AI43" s="89">
        <v>7.5940392589970776E-2</v>
      </c>
      <c r="AJ43" s="88">
        <v>3.6465240332037713E-2</v>
      </c>
      <c r="AK43" s="89">
        <v>3.306280367584985E-2</v>
      </c>
    </row>
    <row r="44" spans="1:45">
      <c r="A44" s="44" t="s">
        <v>538</v>
      </c>
      <c r="B44" s="163">
        <v>89</v>
      </c>
      <c r="C44" s="166">
        <v>0.2455795942004402</v>
      </c>
      <c r="D44" s="92">
        <v>9.0570156227597357E-2</v>
      </c>
      <c r="E44" s="166">
        <v>0.29127696497794908</v>
      </c>
      <c r="F44" s="92">
        <v>9.5061192574600009E-2</v>
      </c>
      <c r="G44" s="166">
        <v>0.45009862891015417</v>
      </c>
      <c r="H44" s="92">
        <v>0.10322112244419009</v>
      </c>
      <c r="I44" s="91">
        <v>1.30448119114561E-2</v>
      </c>
      <c r="J44" s="92">
        <v>3.7579370184195174E-2</v>
      </c>
      <c r="K44" s="163">
        <v>89</v>
      </c>
      <c r="L44" s="166">
        <v>0.3998838292449563</v>
      </c>
      <c r="M44" s="92">
        <v>0.10177361023259689</v>
      </c>
      <c r="N44" s="166">
        <v>0.1350775238284358</v>
      </c>
      <c r="O44" s="92">
        <v>7.4209984615124625E-2</v>
      </c>
      <c r="P44" s="166">
        <v>0.46393350135315636</v>
      </c>
      <c r="Q44" s="92">
        <v>0.10344780979533677</v>
      </c>
      <c r="R44" s="91">
        <v>1.105145573451249E-3</v>
      </c>
      <c r="S44" s="92">
        <v>3.0798617698453847E-2</v>
      </c>
      <c r="T44" s="163">
        <v>89</v>
      </c>
      <c r="U44" s="166">
        <v>0.36414915875640219</v>
      </c>
      <c r="V44" s="92">
        <v>0.10012851385515324</v>
      </c>
      <c r="W44" s="166">
        <v>9.7866433091701094E-2</v>
      </c>
      <c r="X44" s="92">
        <v>6.6202718641999822E-2</v>
      </c>
      <c r="Y44" s="166">
        <v>0.51484963756243785</v>
      </c>
      <c r="Z44" s="92">
        <v>0.10365327834279058</v>
      </c>
      <c r="AA44" s="91">
        <v>2.3134770589458658E-2</v>
      </c>
      <c r="AB44" s="92">
        <v>4.2370718240538438E-2</v>
      </c>
      <c r="AC44" s="163">
        <v>89</v>
      </c>
      <c r="AD44" s="166">
        <v>0.24615933599248385</v>
      </c>
      <c r="AE44" s="92">
        <v>9.0634209888460202E-2</v>
      </c>
      <c r="AF44" s="166">
        <v>0.18476604193264479</v>
      </c>
      <c r="AG44" s="92">
        <v>8.2694381683602089E-2</v>
      </c>
      <c r="AH44" s="166">
        <v>0.53589220598255738</v>
      </c>
      <c r="AI44" s="92">
        <v>0.10345019759175481</v>
      </c>
      <c r="AJ44" s="91">
        <v>3.3182416092313677E-2</v>
      </c>
      <c r="AK44" s="92">
        <v>4.6570054114971171E-2</v>
      </c>
    </row>
    <row r="45" spans="1:45">
      <c r="A45" s="40" t="s">
        <v>539</v>
      </c>
      <c r="B45" s="161">
        <v>245</v>
      </c>
      <c r="C45" s="165">
        <v>0.40804578109359946</v>
      </c>
      <c r="D45" s="89">
        <v>6.2326244221724433E-2</v>
      </c>
      <c r="E45" s="165">
        <v>0.15540890742273958</v>
      </c>
      <c r="F45" s="89">
        <v>4.6576166901649674E-2</v>
      </c>
      <c r="G45" s="165">
        <v>0.39484610314966034</v>
      </c>
      <c r="H45" s="89">
        <v>6.2000785133543762E-2</v>
      </c>
      <c r="I45" s="88">
        <v>4.169920833399867E-2</v>
      </c>
      <c r="J45" s="89">
        <v>2.737643057582324E-2</v>
      </c>
      <c r="K45" s="161">
        <v>244</v>
      </c>
      <c r="L45" s="165">
        <v>0.50154734249621258</v>
      </c>
      <c r="M45" s="89">
        <v>6.349976915665663E-2</v>
      </c>
      <c r="N45" s="165">
        <v>0.15826743099085305</v>
      </c>
      <c r="O45" s="89">
        <v>4.6999589050469588E-2</v>
      </c>
      <c r="P45" s="165">
        <v>0.30848616631302767</v>
      </c>
      <c r="Q45" s="89">
        <v>5.8818481943735484E-2</v>
      </c>
      <c r="R45" s="88">
        <v>3.1699060199904622E-2</v>
      </c>
      <c r="S45" s="89">
        <v>2.4662743881605588E-2</v>
      </c>
      <c r="T45" s="161">
        <v>245</v>
      </c>
      <c r="U45" s="165">
        <v>0.23265113616450278</v>
      </c>
      <c r="V45" s="89">
        <v>5.3893027901485549E-2</v>
      </c>
      <c r="W45" s="165">
        <v>0.19277908811980857</v>
      </c>
      <c r="X45" s="89">
        <v>5.0479371770799308E-2</v>
      </c>
      <c r="Y45" s="165">
        <v>0.54742704214763327</v>
      </c>
      <c r="Z45" s="89">
        <v>6.3095817064869678E-2</v>
      </c>
      <c r="AA45" s="88">
        <v>2.7142733568053207E-2</v>
      </c>
      <c r="AB45" s="89">
        <v>2.3209210064167516E-2</v>
      </c>
      <c r="AC45" s="161">
        <v>243</v>
      </c>
      <c r="AD45" s="165">
        <v>0.2313256424901402</v>
      </c>
      <c r="AE45" s="89">
        <v>5.4010519832274118E-2</v>
      </c>
      <c r="AF45" s="165">
        <v>0.15128844532653613</v>
      </c>
      <c r="AG45" s="89">
        <v>4.6288448680085116E-2</v>
      </c>
      <c r="AH45" s="165">
        <v>0.60922432592326603</v>
      </c>
      <c r="AI45" s="89">
        <v>6.2141709954996363E-2</v>
      </c>
      <c r="AJ45" s="88">
        <v>8.1615862600552327E-3</v>
      </c>
      <c r="AK45" s="89">
        <v>1.6029585099876158E-2</v>
      </c>
    </row>
    <row r="46" spans="1:45">
      <c r="A46" s="44" t="s">
        <v>540</v>
      </c>
      <c r="B46" s="163">
        <v>82</v>
      </c>
      <c r="C46" s="166">
        <v>0.51613265995365476</v>
      </c>
      <c r="D46" s="92">
        <v>0.10778173136258351</v>
      </c>
      <c r="E46" s="166">
        <v>0.12158541430189183</v>
      </c>
      <c r="F46" s="92">
        <v>7.4650604540789575E-2</v>
      </c>
      <c r="G46" s="166">
        <v>0.36105583171249322</v>
      </c>
      <c r="H46" s="92">
        <v>0.10397866792015721</v>
      </c>
      <c r="I46" s="91">
        <v>1.2260940319600093E-3</v>
      </c>
      <c r="J46" s="92">
        <v>3.3291039073424039E-2</v>
      </c>
      <c r="K46" s="163">
        <v>82</v>
      </c>
      <c r="L46" s="166">
        <v>0.60094524399859883</v>
      </c>
      <c r="M46" s="92">
        <v>0.10581596905435568</v>
      </c>
      <c r="N46" s="166">
        <v>0.11573598128770907</v>
      </c>
      <c r="O46" s="92">
        <v>7.3376199990600702E-2</v>
      </c>
      <c r="P46" s="166">
        <v>0.26216841450399014</v>
      </c>
      <c r="Q46" s="92">
        <v>9.6104479303013218E-2</v>
      </c>
      <c r="R46" s="91">
        <v>2.1150360209701895E-2</v>
      </c>
      <c r="S46" s="92">
        <v>4.3953955024438995E-2</v>
      </c>
      <c r="T46" s="163">
        <v>82</v>
      </c>
      <c r="U46" s="166">
        <v>0.27432616651166802</v>
      </c>
      <c r="V46" s="92">
        <v>9.7336313835312133E-2</v>
      </c>
      <c r="W46" s="166">
        <v>0.20739297801232615</v>
      </c>
      <c r="X46" s="92">
        <v>8.9484428856419565E-2</v>
      </c>
      <c r="Y46" s="166">
        <v>0.49648264298055866</v>
      </c>
      <c r="Z46" s="92">
        <v>0.10783034743488357</v>
      </c>
      <c r="AA46" s="91">
        <v>2.1798212495447288E-2</v>
      </c>
      <c r="AB46" s="92">
        <v>4.4251196673331716E-2</v>
      </c>
      <c r="AC46" s="163">
        <v>82</v>
      </c>
      <c r="AD46" s="166">
        <v>0.25283683947499896</v>
      </c>
      <c r="AE46" s="92">
        <v>9.5103608384498453E-2</v>
      </c>
      <c r="AF46" s="166">
        <v>0.16365910404567188</v>
      </c>
      <c r="AG46" s="92">
        <v>8.273053727697291E-2</v>
      </c>
      <c r="AH46" s="166">
        <v>0.58350405647932913</v>
      </c>
      <c r="AI46" s="92">
        <v>0.10645681124756685</v>
      </c>
      <c r="AJ46" s="91">
        <v>0</v>
      </c>
      <c r="AK46" s="92">
        <v>3.2504011252172456E-2</v>
      </c>
    </row>
    <row r="47" spans="1:45">
      <c r="A47" s="40" t="s">
        <v>541</v>
      </c>
      <c r="B47" s="161">
        <v>92</v>
      </c>
      <c r="C47" s="165">
        <v>0.35801007776530325</v>
      </c>
      <c r="D47" s="89">
        <v>9.8209799842553638E-2</v>
      </c>
      <c r="E47" s="165">
        <v>0.19104563691322632</v>
      </c>
      <c r="F47" s="89">
        <v>8.2243511582516457E-2</v>
      </c>
      <c r="G47" s="165">
        <v>0.38137415820218684</v>
      </c>
      <c r="H47" s="89">
        <v>9.9388998624207886E-2</v>
      </c>
      <c r="I47" s="88">
        <v>6.9570127119283828E-2</v>
      </c>
      <c r="J47" s="89">
        <v>5.7680019551670181E-2</v>
      </c>
      <c r="K47" s="161">
        <v>91</v>
      </c>
      <c r="L47" s="165">
        <v>0.49207512590446639</v>
      </c>
      <c r="M47" s="89">
        <v>0.10258600987118217</v>
      </c>
      <c r="N47" s="165">
        <v>0.17269453252369424</v>
      </c>
      <c r="O47" s="89">
        <v>7.9921694742274008E-2</v>
      </c>
      <c r="P47" s="165">
        <v>0.27813370612067023</v>
      </c>
      <c r="Q47" s="89">
        <v>9.2868512241528894E-2</v>
      </c>
      <c r="R47" s="88">
        <v>5.7096635451169338E-2</v>
      </c>
      <c r="S47" s="89">
        <v>5.4292720505889097E-2</v>
      </c>
      <c r="T47" s="161">
        <v>92</v>
      </c>
      <c r="U47" s="165">
        <v>0.1919878842174689</v>
      </c>
      <c r="V47" s="89">
        <v>8.2378644183019892E-2</v>
      </c>
      <c r="W47" s="165">
        <v>0.20925996070278821</v>
      </c>
      <c r="X47" s="89">
        <v>8.4746588921841531E-2</v>
      </c>
      <c r="Y47" s="165">
        <v>0.57804916221628266</v>
      </c>
      <c r="Z47" s="89">
        <v>0.10091361647646041</v>
      </c>
      <c r="AA47" s="88">
        <v>2.0702992863460241E-2</v>
      </c>
      <c r="AB47" s="89">
        <v>4.0321288577351948E-2</v>
      </c>
      <c r="AC47" s="161">
        <v>90</v>
      </c>
      <c r="AD47" s="165">
        <v>0.16465668820138282</v>
      </c>
      <c r="AE47" s="89">
        <v>7.9066867020399084E-2</v>
      </c>
      <c r="AF47" s="165">
        <v>0.15207458014511704</v>
      </c>
      <c r="AG47" s="89">
        <v>7.6916924073222231E-2</v>
      </c>
      <c r="AH47" s="165">
        <v>0.66219215980991653</v>
      </c>
      <c r="AI47" s="89">
        <v>9.8041437678228108E-2</v>
      </c>
      <c r="AJ47" s="88">
        <v>2.1076571843583549E-2</v>
      </c>
      <c r="AK47" s="89">
        <v>4.1121339921700688E-2</v>
      </c>
    </row>
    <row r="48" spans="1:45">
      <c r="A48" s="44" t="s">
        <v>542</v>
      </c>
      <c r="B48" s="163">
        <v>71</v>
      </c>
      <c r="C48" s="166">
        <v>0.35155325962093686</v>
      </c>
      <c r="D48" s="92">
        <v>0.11081550719263518</v>
      </c>
      <c r="E48" s="166">
        <v>0.15042303291119294</v>
      </c>
      <c r="F48" s="92">
        <v>8.6558940452871783E-2</v>
      </c>
      <c r="G48" s="166">
        <v>0.44553355454949278</v>
      </c>
      <c r="H48" s="92">
        <v>0.11485443649379884</v>
      </c>
      <c r="I48" s="91">
        <v>5.2490152918377136E-2</v>
      </c>
      <c r="J48" s="92">
        <v>6.1330536456598694E-2</v>
      </c>
      <c r="K48" s="163">
        <v>71</v>
      </c>
      <c r="L48" s="166">
        <v>0.40800893789636511</v>
      </c>
      <c r="M48" s="92">
        <v>0.11370516846582052</v>
      </c>
      <c r="N48" s="166">
        <v>0.18667191271455175</v>
      </c>
      <c r="O48" s="92">
        <v>9.2956822511572348E-2</v>
      </c>
      <c r="P48" s="166">
        <v>0.39101459841404079</v>
      </c>
      <c r="Q48" s="92">
        <v>0.1129850405852673</v>
      </c>
      <c r="R48" s="91">
        <v>1.4304550975042114E-2</v>
      </c>
      <c r="S48" s="92">
        <v>4.5367595015845787E-2</v>
      </c>
      <c r="T48" s="163">
        <v>71</v>
      </c>
      <c r="U48" s="166">
        <v>0.23511226559050458</v>
      </c>
      <c r="V48" s="92">
        <v>9.9898409068961622E-2</v>
      </c>
      <c r="W48" s="166">
        <v>0.15877116031684374</v>
      </c>
      <c r="X48" s="92">
        <v>8.8136754232086834E-2</v>
      </c>
      <c r="Y48" s="166">
        <v>0.56606876491624059</v>
      </c>
      <c r="Z48" s="92">
        <v>0.1145630797501451</v>
      </c>
      <c r="AA48" s="91">
        <v>4.0047809176410605E-2</v>
      </c>
      <c r="AB48" s="92">
        <v>5.6760642727659252E-2</v>
      </c>
      <c r="AC48" s="163">
        <v>71</v>
      </c>
      <c r="AD48" s="166">
        <v>0.28340573880913039</v>
      </c>
      <c r="AE48" s="92">
        <v>0.1053141448204423</v>
      </c>
      <c r="AF48" s="166">
        <v>0.13744672052678644</v>
      </c>
      <c r="AG48" s="92">
        <v>8.3968889201330707E-2</v>
      </c>
      <c r="AH48" s="166">
        <v>0.57688944347263815</v>
      </c>
      <c r="AI48" s="92">
        <v>0.11423993675546008</v>
      </c>
      <c r="AJ48" s="91">
        <v>2.2580971914445045E-3</v>
      </c>
      <c r="AK48" s="92">
        <v>3.8626168998390657E-2</v>
      </c>
    </row>
    <row r="49" spans="1:37">
      <c r="A49" s="40" t="s">
        <v>543</v>
      </c>
      <c r="B49" s="161">
        <v>476</v>
      </c>
      <c r="C49" s="165">
        <v>0.31718433809599006</v>
      </c>
      <c r="D49" s="89">
        <v>4.2537546054873261E-2</v>
      </c>
      <c r="E49" s="165">
        <v>0.19262001567232681</v>
      </c>
      <c r="F49" s="89">
        <v>3.6180760487281062E-2</v>
      </c>
      <c r="G49" s="165">
        <v>0.43746063067194746</v>
      </c>
      <c r="H49" s="89">
        <v>4.529107177347113E-2</v>
      </c>
      <c r="I49" s="88">
        <v>5.2735015559737385E-2</v>
      </c>
      <c r="J49" s="89">
        <v>2.1070168693181932E-2</v>
      </c>
      <c r="K49" s="161">
        <v>476</v>
      </c>
      <c r="L49" s="165">
        <v>0.42420534920926789</v>
      </c>
      <c r="M49" s="89">
        <v>4.5124874802829215E-2</v>
      </c>
      <c r="N49" s="165">
        <v>0.18079108601474073</v>
      </c>
      <c r="O49" s="89">
        <v>3.5331387377619192E-2</v>
      </c>
      <c r="P49" s="165">
        <v>0.33436656185954045</v>
      </c>
      <c r="Q49" s="89">
        <v>4.3110410536762678E-2</v>
      </c>
      <c r="R49" s="88">
        <v>6.0637002916452749E-2</v>
      </c>
      <c r="S49" s="89">
        <v>2.2391233770012113E-2</v>
      </c>
      <c r="T49" s="161">
        <v>477</v>
      </c>
      <c r="U49" s="165">
        <v>0.27072061817799098</v>
      </c>
      <c r="V49" s="89">
        <v>4.0608844388676985E-2</v>
      </c>
      <c r="W49" s="165">
        <v>0.13201578610308884</v>
      </c>
      <c r="X49" s="89">
        <v>3.1169903220403875E-2</v>
      </c>
      <c r="Y49" s="165">
        <v>0.52733537862316138</v>
      </c>
      <c r="Z49" s="89">
        <v>4.5529013684766154E-2</v>
      </c>
      <c r="AA49" s="88">
        <v>6.9928217095760997E-2</v>
      </c>
      <c r="AB49" s="89">
        <v>2.3797789349774195E-2</v>
      </c>
      <c r="AC49" s="161">
        <v>475</v>
      </c>
      <c r="AD49" s="165">
        <v>0.20008374382334149</v>
      </c>
      <c r="AE49" s="89">
        <v>3.6729134262603477E-2</v>
      </c>
      <c r="AF49" s="165">
        <v>0.19893724842608926</v>
      </c>
      <c r="AG49" s="89">
        <v>3.6652028346752297E-2</v>
      </c>
      <c r="AH49" s="165">
        <v>0.54361757946586275</v>
      </c>
      <c r="AI49" s="89">
        <v>4.551988241718305E-2</v>
      </c>
      <c r="AJ49" s="88">
        <v>5.7361428284708492E-2</v>
      </c>
      <c r="AK49" s="89">
        <v>2.188024548803285E-2</v>
      </c>
    </row>
    <row r="50" spans="1:37">
      <c r="A50" s="44" t="s">
        <v>616</v>
      </c>
      <c r="B50" s="163">
        <v>246</v>
      </c>
      <c r="C50" s="166">
        <v>0.39822406983124314</v>
      </c>
      <c r="D50" s="92">
        <v>6.1963921784474428E-2</v>
      </c>
      <c r="E50" s="166">
        <v>0.16901414875428372</v>
      </c>
      <c r="F50" s="92">
        <v>4.7987660636644537E-2</v>
      </c>
      <c r="G50" s="166">
        <v>0.38328414066429572</v>
      </c>
      <c r="H50" s="92">
        <v>6.1554508362494736E-2</v>
      </c>
      <c r="I50" s="91">
        <v>4.9477640750174717E-2</v>
      </c>
      <c r="J50" s="92">
        <v>2.9250010891604721E-2</v>
      </c>
      <c r="K50" s="163">
        <v>246</v>
      </c>
      <c r="L50" s="166">
        <v>0.45010616761998412</v>
      </c>
      <c r="M50" s="92">
        <v>6.2939924223627292E-2</v>
      </c>
      <c r="N50" s="166">
        <v>0.17002100306724199</v>
      </c>
      <c r="O50" s="92">
        <v>4.809496325581749E-2</v>
      </c>
      <c r="P50" s="166">
        <v>0.3458159212052575</v>
      </c>
      <c r="Q50" s="92">
        <v>6.0263675479309206E-2</v>
      </c>
      <c r="R50" s="91">
        <v>3.4056908107513578E-2</v>
      </c>
      <c r="S50" s="92">
        <v>2.5231330249479798E-2</v>
      </c>
      <c r="T50" s="163">
        <v>246</v>
      </c>
      <c r="U50" s="166">
        <v>0.25382401634317947</v>
      </c>
      <c r="V50" s="92">
        <v>5.5327556169260293E-2</v>
      </c>
      <c r="W50" s="166">
        <v>0.15816872771171381</v>
      </c>
      <c r="X50" s="92">
        <v>4.6794978164454527E-2</v>
      </c>
      <c r="Y50" s="166">
        <v>0.52581642887842606</v>
      </c>
      <c r="Z50" s="92">
        <v>6.3163871824965037E-2</v>
      </c>
      <c r="AA50" s="91">
        <v>6.2190827066677945E-2</v>
      </c>
      <c r="AB50" s="92">
        <v>3.2101767855911949E-2</v>
      </c>
      <c r="AC50" s="163">
        <v>245</v>
      </c>
      <c r="AD50" s="166">
        <v>0.23209681096928986</v>
      </c>
      <c r="AE50" s="92">
        <v>5.3850199970258937E-2</v>
      </c>
      <c r="AF50" s="166">
        <v>0.17013581816434387</v>
      </c>
      <c r="AG50" s="92">
        <v>4.8205960015938791E-2</v>
      </c>
      <c r="AH50" s="166">
        <v>0.56269915244747848</v>
      </c>
      <c r="AI50" s="92">
        <v>6.2888197460061454E-2</v>
      </c>
      <c r="AJ50" s="91">
        <v>3.5068218418885529E-2</v>
      </c>
      <c r="AK50" s="92">
        <v>2.5578481642311395E-2</v>
      </c>
    </row>
    <row r="51" spans="1:37">
      <c r="A51" s="52" t="s">
        <v>544</v>
      </c>
      <c r="B51" s="161">
        <v>230</v>
      </c>
      <c r="C51" s="165">
        <v>0.24394902144375394</v>
      </c>
      <c r="D51" s="89">
        <v>5.6486921293661542E-2</v>
      </c>
      <c r="E51" s="165">
        <v>0.21395255344825412</v>
      </c>
      <c r="F51" s="89">
        <v>5.4057633302839414E-2</v>
      </c>
      <c r="G51" s="165">
        <v>0.4864197315458052</v>
      </c>
      <c r="H51" s="89">
        <v>6.5348745892997565E-2</v>
      </c>
      <c r="I51" s="88">
        <v>5.5678693562184904E-2</v>
      </c>
      <c r="J51" s="89">
        <v>3.1830303092848324E-2</v>
      </c>
      <c r="K51" s="161">
        <v>230</v>
      </c>
      <c r="L51" s="165">
        <v>0.40079155367384162</v>
      </c>
      <c r="M51" s="89">
        <v>6.4116786824032018E-2</v>
      </c>
      <c r="N51" s="165">
        <v>0.19052701466508484</v>
      </c>
      <c r="O51" s="89">
        <v>5.1882970622429025E-2</v>
      </c>
      <c r="P51" s="165">
        <v>0.32401658162025349</v>
      </c>
      <c r="Q51" s="89">
        <v>6.133550662478901E-2</v>
      </c>
      <c r="R51" s="88">
        <v>8.4664850040818265E-2</v>
      </c>
      <c r="S51" s="89">
        <v>3.7744950435882989E-2</v>
      </c>
      <c r="T51" s="161">
        <v>231</v>
      </c>
      <c r="U51" s="165">
        <v>0.28593808482732125</v>
      </c>
      <c r="V51" s="89">
        <v>5.9175057369670284E-2</v>
      </c>
      <c r="W51" s="165">
        <v>0.10846184782591198</v>
      </c>
      <c r="X51" s="89">
        <v>4.1641275726081575E-2</v>
      </c>
      <c r="Y51" s="165">
        <v>0.52870337955662694</v>
      </c>
      <c r="Z51" s="89">
        <v>6.5128864002559447E-2</v>
      </c>
      <c r="AA51" s="88">
        <v>7.6896687790137794E-2</v>
      </c>
      <c r="AB51" s="89">
        <v>3.6208826389922559E-2</v>
      </c>
      <c r="AC51" s="161">
        <v>230</v>
      </c>
      <c r="AD51" s="165">
        <v>0.17117612603532659</v>
      </c>
      <c r="AE51" s="89">
        <v>4.9878459311910747E-2</v>
      </c>
      <c r="AF51" s="165">
        <v>0.22494477635082352</v>
      </c>
      <c r="AG51" s="89">
        <v>5.4991689444467369E-2</v>
      </c>
      <c r="AH51" s="165">
        <v>0.52638702745308485</v>
      </c>
      <c r="AI51" s="89">
        <v>6.52840376044896E-2</v>
      </c>
      <c r="AJ51" s="88">
        <v>7.7492070160763343E-2</v>
      </c>
      <c r="AK51" s="89">
        <v>3.6406511495005567E-2</v>
      </c>
    </row>
    <row r="52" spans="1:37">
      <c r="A52" s="44" t="s">
        <v>545</v>
      </c>
      <c r="B52" s="163">
        <v>112</v>
      </c>
      <c r="C52" s="166">
        <v>0.36318976348631943</v>
      </c>
      <c r="D52" s="92">
        <v>8.9548972132480809E-2</v>
      </c>
      <c r="E52" s="166">
        <v>0.19124099346940318</v>
      </c>
      <c r="F52" s="92">
        <v>7.4539771716468306E-2</v>
      </c>
      <c r="G52" s="166">
        <v>0.37588918755479428</v>
      </c>
      <c r="H52" s="92">
        <v>9.0141746702908226E-2</v>
      </c>
      <c r="I52" s="91">
        <v>6.9680055489482626E-2</v>
      </c>
      <c r="J52" s="92">
        <v>5.1653777097956079E-2</v>
      </c>
      <c r="K52" s="163">
        <v>112</v>
      </c>
      <c r="L52" s="166">
        <v>0.4366364128411353</v>
      </c>
      <c r="M52" s="92">
        <v>9.2150022828624639E-2</v>
      </c>
      <c r="N52" s="166">
        <v>0.10731412968014067</v>
      </c>
      <c r="O52" s="92">
        <v>6.0529014266882335E-2</v>
      </c>
      <c r="P52" s="166">
        <v>0.37829297160195696</v>
      </c>
      <c r="Q52" s="92">
        <v>9.0247045004856849E-2</v>
      </c>
      <c r="R52" s="91">
        <v>7.775648587676677E-2</v>
      </c>
      <c r="S52" s="92">
        <v>5.3753669037747968E-2</v>
      </c>
      <c r="T52" s="163">
        <v>112</v>
      </c>
      <c r="U52" s="166">
        <v>0.18468171683239631</v>
      </c>
      <c r="V52" s="92">
        <v>7.3651812838768649E-2</v>
      </c>
      <c r="W52" s="166">
        <v>0.13405151026796661</v>
      </c>
      <c r="X52" s="92">
        <v>6.5694751408630403E-2</v>
      </c>
      <c r="Y52" s="166">
        <v>0.56223125800369989</v>
      </c>
      <c r="Z52" s="92">
        <v>9.2174824599461955E-2</v>
      </c>
      <c r="AA52" s="91">
        <v>0.11903551489593686</v>
      </c>
      <c r="AB52" s="92">
        <v>6.2890908613592519E-2</v>
      </c>
      <c r="AC52" s="163">
        <v>111</v>
      </c>
      <c r="AD52" s="166">
        <v>0.21162277647402955</v>
      </c>
      <c r="AE52" s="92">
        <v>7.7464855032785801E-2</v>
      </c>
      <c r="AF52" s="166">
        <v>0.18648699652101131</v>
      </c>
      <c r="AG52" s="92">
        <v>7.423307015550068E-2</v>
      </c>
      <c r="AH52" s="166">
        <v>0.57974820252309844</v>
      </c>
      <c r="AI52" s="92">
        <v>9.2138827039106683E-2</v>
      </c>
      <c r="AJ52" s="91">
        <v>2.21420244818606E-2</v>
      </c>
      <c r="AK52" s="92">
        <v>3.6000284054457106E-2</v>
      </c>
    </row>
    <row r="53" spans="1:37">
      <c r="A53" s="52" t="s">
        <v>546</v>
      </c>
      <c r="B53" s="161">
        <v>287</v>
      </c>
      <c r="C53" s="165">
        <v>0.41048362104586206</v>
      </c>
      <c r="D53" s="89">
        <v>5.7699970223882117E-2</v>
      </c>
      <c r="E53" s="165">
        <v>0.16126404934680549</v>
      </c>
      <c r="F53" s="89">
        <v>4.361510762094991E-2</v>
      </c>
      <c r="G53" s="165">
        <v>0.39676128859879772</v>
      </c>
      <c r="H53" s="89">
        <v>5.7392692574203132E-2</v>
      </c>
      <c r="I53" s="88">
        <v>3.1491041008537494E-2</v>
      </c>
      <c r="J53" s="89">
        <v>2.2396693396314848E-2</v>
      </c>
      <c r="K53" s="161">
        <v>287</v>
      </c>
      <c r="L53" s="165">
        <v>0.47059487191394894</v>
      </c>
      <c r="M53" s="89">
        <v>5.85223481657084E-2</v>
      </c>
      <c r="N53" s="165">
        <v>0.14974365361800457</v>
      </c>
      <c r="O53" s="89">
        <v>4.2381015126839366E-2</v>
      </c>
      <c r="P53" s="165">
        <v>0.32701195485642864</v>
      </c>
      <c r="Q53" s="89">
        <v>5.510279787449944E-2</v>
      </c>
      <c r="R53" s="88">
        <v>5.2649519611620649E-2</v>
      </c>
      <c r="S53" s="89">
        <v>2.7580904758190531E-2</v>
      </c>
      <c r="T53" s="161">
        <v>288</v>
      </c>
      <c r="U53" s="165">
        <v>0.25636903515934523</v>
      </c>
      <c r="V53" s="89">
        <v>5.1319441125333626E-2</v>
      </c>
      <c r="W53" s="165">
        <v>0.18683617580344855</v>
      </c>
      <c r="X53" s="89">
        <v>4.6019190229507456E-2</v>
      </c>
      <c r="Y53" s="165">
        <v>0.517317943711467</v>
      </c>
      <c r="Z53" s="89">
        <v>5.848641679221174E-2</v>
      </c>
      <c r="AA53" s="88">
        <v>3.9476845325742131E-2</v>
      </c>
      <c r="AB53" s="89">
        <v>2.4463862225611244E-2</v>
      </c>
      <c r="AC53" s="161">
        <v>286</v>
      </c>
      <c r="AD53" s="165">
        <v>0.228878324614532</v>
      </c>
      <c r="AE53" s="89">
        <v>4.9620189264846577E-2</v>
      </c>
      <c r="AF53" s="165">
        <v>0.20937207930760132</v>
      </c>
      <c r="AG53" s="89">
        <v>4.8116152561969737E-2</v>
      </c>
      <c r="AH53" s="165">
        <v>0.54711608695888603</v>
      </c>
      <c r="AI53" s="89">
        <v>5.8467897627114913E-2</v>
      </c>
      <c r="AJ53" s="88">
        <v>1.4633509118983767E-2</v>
      </c>
      <c r="AK53" s="89">
        <v>1.6967850491911948E-2</v>
      </c>
    </row>
    <row r="54" spans="1:37">
      <c r="A54" s="44" t="s">
        <v>557</v>
      </c>
      <c r="B54" s="163">
        <v>112</v>
      </c>
      <c r="C54" s="166">
        <v>0.50416299907045592</v>
      </c>
      <c r="D54" s="92">
        <v>9.2844668954114168E-2</v>
      </c>
      <c r="E54" s="166">
        <v>0.13264950481580715</v>
      </c>
      <c r="F54" s="92">
        <v>6.5442736638419097E-2</v>
      </c>
      <c r="G54" s="166">
        <v>0.31746984797258976</v>
      </c>
      <c r="H54" s="92">
        <v>8.6888924174765195E-2</v>
      </c>
      <c r="I54" s="91">
        <v>4.5717648141148051E-2</v>
      </c>
      <c r="J54" s="92">
        <v>4.4572582628649868E-2</v>
      </c>
      <c r="K54" s="163">
        <v>110</v>
      </c>
      <c r="L54" s="166">
        <v>0.51607922424053987</v>
      </c>
      <c r="M54" s="92">
        <v>9.3613479968154695E-2</v>
      </c>
      <c r="N54" s="166">
        <v>0.15254507909919995</v>
      </c>
      <c r="O54" s="92">
        <v>6.9483905001146359E-2</v>
      </c>
      <c r="P54" s="166">
        <v>0.26635193972903404</v>
      </c>
      <c r="Q54" s="92">
        <v>8.3597269825020165E-2</v>
      </c>
      <c r="R54" s="91">
        <v>6.5023756931226903E-2</v>
      </c>
      <c r="S54" s="92">
        <v>5.0900738080003366E-2</v>
      </c>
      <c r="T54" s="163">
        <v>111</v>
      </c>
      <c r="U54" s="166">
        <v>0.25233166455435002</v>
      </c>
      <c r="V54" s="92">
        <v>8.1902017397394056E-2</v>
      </c>
      <c r="W54" s="166">
        <v>0.19577589523205535</v>
      </c>
      <c r="X54" s="92">
        <v>7.5475107976220521E-2</v>
      </c>
      <c r="Y54" s="166">
        <v>0.55024075532138916</v>
      </c>
      <c r="Z54" s="92">
        <v>9.2810869795930118E-2</v>
      </c>
      <c r="AA54" s="91">
        <v>1.6516848922064839E-3</v>
      </c>
      <c r="AB54" s="92">
        <v>2.5452488476313061E-2</v>
      </c>
      <c r="AC54" s="163">
        <v>111</v>
      </c>
      <c r="AD54" s="166">
        <v>0.20669394698618185</v>
      </c>
      <c r="AE54" s="92">
        <v>7.6862851697862514E-2</v>
      </c>
      <c r="AF54" s="166">
        <v>0.27149141845557817</v>
      </c>
      <c r="AG54" s="92">
        <v>8.3687427723724617E-2</v>
      </c>
      <c r="AH54" s="166">
        <v>0.52181463455824106</v>
      </c>
      <c r="AI54" s="92">
        <v>9.3167759036826739E-2</v>
      </c>
      <c r="AJ54" s="91">
        <v>0</v>
      </c>
      <c r="AK54" s="92">
        <v>2.4380210707016403E-2</v>
      </c>
    </row>
    <row r="55" spans="1:37">
      <c r="A55" s="52" t="s">
        <v>558</v>
      </c>
      <c r="B55" s="161">
        <v>112</v>
      </c>
      <c r="C55" s="165">
        <v>0.33727497227057646</v>
      </c>
      <c r="D55" s="89">
        <v>8.8144717917078078E-2</v>
      </c>
      <c r="E55" s="165">
        <v>0.14140914738556226</v>
      </c>
      <c r="F55" s="89">
        <v>6.6986308103819406E-2</v>
      </c>
      <c r="G55" s="165">
        <v>0.50363523757839901</v>
      </c>
      <c r="H55" s="89">
        <v>9.2845381425692292E-2</v>
      </c>
      <c r="I55" s="88">
        <v>1.7680642765462596E-2</v>
      </c>
      <c r="J55" s="89">
        <v>3.3802166701403534E-2</v>
      </c>
      <c r="K55" s="161">
        <v>113</v>
      </c>
      <c r="L55" s="165">
        <v>0.42573263492929597</v>
      </c>
      <c r="M55" s="89">
        <v>9.14937856122192E-2</v>
      </c>
      <c r="N55" s="165">
        <v>0.17300155046183074</v>
      </c>
      <c r="O55" s="89">
        <v>7.1673130187553474E-2</v>
      </c>
      <c r="P55" s="165">
        <v>0.34610342822829987</v>
      </c>
      <c r="Q55" s="89">
        <v>8.8270677736641823E-2</v>
      </c>
      <c r="R55" s="88">
        <v>5.5162386380573684E-2</v>
      </c>
      <c r="S55" s="89">
        <v>4.7291965041427568E-2</v>
      </c>
      <c r="T55" s="161">
        <v>114</v>
      </c>
      <c r="U55" s="165">
        <v>0.29923739684770689</v>
      </c>
      <c r="V55" s="89">
        <v>8.4848947893678708E-2</v>
      </c>
      <c r="W55" s="165">
        <v>0.17773486387803802</v>
      </c>
      <c r="X55" s="89">
        <v>7.2032677986108795E-2</v>
      </c>
      <c r="Y55" s="165">
        <v>0.46316062975900119</v>
      </c>
      <c r="Z55" s="89">
        <v>9.1823949232919852E-2</v>
      </c>
      <c r="AA55" s="88">
        <v>5.9867109515254091E-2</v>
      </c>
      <c r="AB55" s="89">
        <v>4.8430902311733706E-2</v>
      </c>
      <c r="AC55" s="161">
        <v>113</v>
      </c>
      <c r="AD55" s="165">
        <v>0.249615890182567</v>
      </c>
      <c r="AE55" s="89">
        <v>8.0918058767869908E-2</v>
      </c>
      <c r="AF55" s="165">
        <v>0.12867058610349708</v>
      </c>
      <c r="AG55" s="89">
        <v>6.4418867929135579E-2</v>
      </c>
      <c r="AH55" s="165">
        <v>0.60706570681394678</v>
      </c>
      <c r="AI55" s="89">
        <v>9.0451353597038375E-2</v>
      </c>
      <c r="AJ55" s="88">
        <v>1.4647816899989497E-2</v>
      </c>
      <c r="AK55" s="89">
        <v>3.2166793132979453E-2</v>
      </c>
    </row>
    <row r="56" spans="1:37">
      <c r="A56" s="44" t="s">
        <v>549</v>
      </c>
      <c r="B56" s="163">
        <v>63</v>
      </c>
      <c r="C56" s="166">
        <v>0.36394818691549669</v>
      </c>
      <c r="D56" s="92">
        <v>0.1181029376226605</v>
      </c>
      <c r="E56" s="166">
        <v>0.24487308670926919</v>
      </c>
      <c r="F56" s="92">
        <v>0.10718937636591472</v>
      </c>
      <c r="G56" s="166">
        <v>0.3623287899064852</v>
      </c>
      <c r="H56" s="92">
        <v>0.11800383779642677</v>
      </c>
      <c r="I56" s="91">
        <v>2.8849936468749005E-2</v>
      </c>
      <c r="J56" s="92">
        <v>5.6638034778078966E-2</v>
      </c>
      <c r="K56" s="163">
        <v>64</v>
      </c>
      <c r="L56" s="166">
        <v>0.46294589518523488</v>
      </c>
      <c r="M56" s="92">
        <v>0.12097247441567542</v>
      </c>
      <c r="N56" s="166">
        <v>0.10753607650123245</v>
      </c>
      <c r="O56" s="92">
        <v>8.1731278921239117E-2</v>
      </c>
      <c r="P56" s="166">
        <v>0.40255619627057421</v>
      </c>
      <c r="Q56" s="92">
        <v>0.11921037828364596</v>
      </c>
      <c r="R56" s="91">
        <v>2.6961832042958621E-2</v>
      </c>
      <c r="S56" s="92">
        <v>5.5192670436533926E-2</v>
      </c>
      <c r="T56" s="163">
        <v>63</v>
      </c>
      <c r="U56" s="166">
        <v>0.19294870237385048</v>
      </c>
      <c r="V56" s="92">
        <v>9.9743202423924704E-2</v>
      </c>
      <c r="W56" s="166">
        <v>0.18591186000169216</v>
      </c>
      <c r="X56" s="92">
        <v>9.8579852392051817E-2</v>
      </c>
      <c r="Y56" s="166">
        <v>0.54790877139579941</v>
      </c>
      <c r="Z56" s="92">
        <v>0.12167257959697622</v>
      </c>
      <c r="AA56" s="91">
        <v>7.3230666228658092E-2</v>
      </c>
      <c r="AB56" s="92">
        <v>7.2879323839164498E-2</v>
      </c>
      <c r="AC56" s="163">
        <v>62</v>
      </c>
      <c r="AD56" s="166">
        <v>0.23465475567706007</v>
      </c>
      <c r="AE56" s="92">
        <v>0.10670480398758438</v>
      </c>
      <c r="AF56" s="166">
        <v>0.23072315458381815</v>
      </c>
      <c r="AG56" s="92">
        <v>0.10617673591933463</v>
      </c>
      <c r="AH56" s="166">
        <v>0.49352216868013848</v>
      </c>
      <c r="AI56" s="92">
        <v>0.12308237446354103</v>
      </c>
      <c r="AJ56" s="91">
        <v>4.1099921058983441E-2</v>
      </c>
      <c r="AK56" s="92">
        <v>6.235926060655686E-2</v>
      </c>
    </row>
    <row r="57" spans="1:37">
      <c r="A57" s="52" t="s">
        <v>550</v>
      </c>
      <c r="B57" s="161">
        <v>162</v>
      </c>
      <c r="C57" s="165">
        <v>0.41225613217153112</v>
      </c>
      <c r="D57" s="89">
        <v>7.6468369527927002E-2</v>
      </c>
      <c r="E57" s="165">
        <v>0.20798784186316502</v>
      </c>
      <c r="F57" s="89">
        <v>6.3774610401709855E-2</v>
      </c>
      <c r="G57" s="165">
        <v>0.33349039792412966</v>
      </c>
      <c r="H57" s="89">
        <v>7.3401785897613689E-2</v>
      </c>
      <c r="I57" s="88">
        <v>4.6265628041173831E-2</v>
      </c>
      <c r="J57" s="89">
        <v>3.6047914016902195E-2</v>
      </c>
      <c r="K57" s="161">
        <v>162</v>
      </c>
      <c r="L57" s="165">
        <v>0.43634889383052788</v>
      </c>
      <c r="M57" s="89">
        <v>7.7013758042195707E-2</v>
      </c>
      <c r="N57" s="165">
        <v>0.22683769882264265</v>
      </c>
      <c r="O57" s="89">
        <v>6.5663446859428098E-2</v>
      </c>
      <c r="P57" s="165">
        <v>0.28949383999795297</v>
      </c>
      <c r="Q57" s="89">
        <v>7.0761262579420572E-2</v>
      </c>
      <c r="R57" s="88">
        <v>4.731956734887599E-2</v>
      </c>
      <c r="S57" s="89">
        <v>3.6350729390695571E-2</v>
      </c>
      <c r="T57" s="161">
        <v>162</v>
      </c>
      <c r="U57" s="165">
        <v>0.24833076073105442</v>
      </c>
      <c r="V57" s="89">
        <v>6.7605913897725398E-2</v>
      </c>
      <c r="W57" s="165">
        <v>0.155870460487983</v>
      </c>
      <c r="X57" s="89">
        <v>5.7500829500725187E-2</v>
      </c>
      <c r="Y57" s="165">
        <v>0.53941954690195226</v>
      </c>
      <c r="Z57" s="89">
        <v>7.7384984043767605E-2</v>
      </c>
      <c r="AA57" s="88">
        <v>5.6379231879010235E-2</v>
      </c>
      <c r="AB57" s="89">
        <v>3.8829455059249951E-2</v>
      </c>
      <c r="AC57" s="161">
        <v>160</v>
      </c>
      <c r="AD57" s="165">
        <v>0.28246820835664649</v>
      </c>
      <c r="AE57" s="89">
        <v>7.0703790609656009E-2</v>
      </c>
      <c r="AF57" s="165">
        <v>0.18698908946961715</v>
      </c>
      <c r="AG57" s="89">
        <v>6.1830846043638921E-2</v>
      </c>
      <c r="AH57" s="165">
        <v>0.49834476104096409</v>
      </c>
      <c r="AI57" s="89">
        <v>7.8086473673878998E-2</v>
      </c>
      <c r="AJ57" s="88">
        <v>3.2197941132771565E-2</v>
      </c>
      <c r="AK57" s="89">
        <v>3.1893921666200621E-2</v>
      </c>
    </row>
    <row r="58" spans="1:37">
      <c r="A58" s="44" t="s">
        <v>551</v>
      </c>
      <c r="B58" s="163">
        <v>673</v>
      </c>
      <c r="C58" s="166">
        <v>0.25537494942829053</v>
      </c>
      <c r="D58" s="92">
        <v>3.3581280567822745E-2</v>
      </c>
      <c r="E58" s="166">
        <v>0.19555795923980862</v>
      </c>
      <c r="F58" s="92">
        <v>3.0593059855775328E-2</v>
      </c>
      <c r="G58" s="166">
        <v>0.47274498047518293</v>
      </c>
      <c r="H58" s="92">
        <v>3.8376654335036939E-2</v>
      </c>
      <c r="I58" s="91">
        <v>7.6322110856722108E-2</v>
      </c>
      <c r="J58" s="92">
        <v>2.0712841108082792E-2</v>
      </c>
      <c r="K58" s="163">
        <v>673</v>
      </c>
      <c r="L58" s="166">
        <v>0.31261076263900206</v>
      </c>
      <c r="M58" s="92">
        <v>3.5666185215392436E-2</v>
      </c>
      <c r="N58" s="166">
        <v>0.19634469794422313</v>
      </c>
      <c r="O58" s="92">
        <v>3.063867942079692E-2</v>
      </c>
      <c r="P58" s="166">
        <v>0.405452371341396</v>
      </c>
      <c r="Q58" s="92">
        <v>3.7747983997514258E-2</v>
      </c>
      <c r="R58" s="91">
        <v>8.5592168075381794E-2</v>
      </c>
      <c r="S58" s="92">
        <v>2.1780359884268397E-2</v>
      </c>
      <c r="T58" s="163">
        <v>674</v>
      </c>
      <c r="U58" s="166">
        <v>0.31619455815601777</v>
      </c>
      <c r="V58" s="92">
        <v>3.5748467392547313E-2</v>
      </c>
      <c r="W58" s="166">
        <v>0.18127100527641388</v>
      </c>
      <c r="X58" s="92">
        <v>2.97092074251529E-2</v>
      </c>
      <c r="Y58" s="166">
        <v>0.41810543647938325</v>
      </c>
      <c r="Z58" s="92">
        <v>3.7892269458706523E-2</v>
      </c>
      <c r="AA58" s="91">
        <v>8.442900008818828E-2</v>
      </c>
      <c r="AB58" s="92">
        <v>2.1634191542299626E-2</v>
      </c>
      <c r="AC58" s="163">
        <v>673</v>
      </c>
      <c r="AD58" s="166">
        <v>0.18675861378674541</v>
      </c>
      <c r="AE58" s="92">
        <v>3.0069921357624554E-2</v>
      </c>
      <c r="AF58" s="166">
        <v>0.2000107942152663</v>
      </c>
      <c r="AG58" s="92">
        <v>3.0848826016337209E-2</v>
      </c>
      <c r="AH58" s="166">
        <v>0.55831031722782287</v>
      </c>
      <c r="AI58" s="92">
        <v>3.8173975262852773E-2</v>
      </c>
      <c r="AJ58" s="91">
        <v>5.4920274770170432E-2</v>
      </c>
      <c r="AK58" s="92">
        <v>1.7901419014152913E-2</v>
      </c>
    </row>
    <row r="61" spans="1:37" ht="18.75">
      <c r="A61" s="284" t="s">
        <v>231</v>
      </c>
      <c r="B61" s="284"/>
      <c r="C61" s="284"/>
      <c r="D61" s="284"/>
      <c r="E61" s="284"/>
      <c r="F61" s="284"/>
      <c r="G61" s="284"/>
      <c r="H61" s="284"/>
      <c r="I61" s="284"/>
      <c r="J61" s="284"/>
      <c r="K61" s="284"/>
      <c r="L61" s="284"/>
      <c r="M61" s="285"/>
    </row>
    <row r="62" spans="1:37" ht="62.25" customHeight="1">
      <c r="A62" s="406" t="s">
        <v>600</v>
      </c>
      <c r="B62" s="406"/>
      <c r="C62" s="406"/>
      <c r="D62" s="406"/>
      <c r="E62" s="406"/>
      <c r="F62" s="406"/>
      <c r="G62" s="406"/>
      <c r="H62" s="406"/>
      <c r="I62" s="406"/>
      <c r="J62" s="406"/>
      <c r="K62" s="406"/>
      <c r="L62" s="406"/>
      <c r="M62" s="285"/>
    </row>
    <row r="63" spans="1:37" ht="43.5" customHeight="1">
      <c r="A63" s="389" t="s">
        <v>232</v>
      </c>
      <c r="B63" s="390"/>
      <c r="C63" s="390"/>
      <c r="D63" s="390"/>
      <c r="E63" s="390"/>
      <c r="F63" s="390"/>
      <c r="G63" s="390"/>
      <c r="H63" s="390"/>
      <c r="I63" s="390"/>
      <c r="J63" s="390"/>
      <c r="K63" s="390"/>
      <c r="L63" s="390"/>
    </row>
    <row r="64" spans="1:37" ht="72">
      <c r="A64" s="32" t="s">
        <v>71</v>
      </c>
      <c r="B64" s="33" t="s">
        <v>72</v>
      </c>
      <c r="C64" s="34" t="s">
        <v>592</v>
      </c>
      <c r="D64" s="35" t="s">
        <v>73</v>
      </c>
      <c r="E64" s="33" t="s">
        <v>156</v>
      </c>
      <c r="F64" s="84" t="s">
        <v>85</v>
      </c>
      <c r="G64" s="33" t="s">
        <v>157</v>
      </c>
      <c r="H64" s="84" t="s">
        <v>86</v>
      </c>
      <c r="I64" s="33" t="s">
        <v>158</v>
      </c>
      <c r="J64" s="84" t="s">
        <v>87</v>
      </c>
      <c r="K64" s="33" t="s">
        <v>301</v>
      </c>
      <c r="L64" s="84" t="s">
        <v>300</v>
      </c>
    </row>
    <row r="65" spans="1:12" ht="84">
      <c r="A65" s="36"/>
      <c r="B65" s="37" t="s">
        <v>74</v>
      </c>
      <c r="C65" s="123" t="s">
        <v>305</v>
      </c>
      <c r="D65" s="39" t="s">
        <v>76</v>
      </c>
      <c r="E65" s="37" t="s">
        <v>159</v>
      </c>
      <c r="F65" s="86" t="s">
        <v>126</v>
      </c>
      <c r="G65" s="37" t="s">
        <v>160</v>
      </c>
      <c r="H65" s="86" t="s">
        <v>127</v>
      </c>
      <c r="I65" s="37" t="s">
        <v>161</v>
      </c>
      <c r="J65" s="86" t="s">
        <v>128</v>
      </c>
      <c r="K65" s="37" t="s">
        <v>301</v>
      </c>
      <c r="L65" s="86" t="s">
        <v>88</v>
      </c>
    </row>
    <row r="66" spans="1:12">
      <c r="A66" s="40" t="s">
        <v>350</v>
      </c>
      <c r="B66" s="161">
        <v>13859</v>
      </c>
      <c r="C66" s="162">
        <v>3.3104475129063768</v>
      </c>
      <c r="D66" s="81">
        <v>3.1669094122717165E-2</v>
      </c>
      <c r="E66" s="165">
        <v>0.54255580172524498</v>
      </c>
      <c r="F66" s="89">
        <v>8.4624003210506289E-3</v>
      </c>
      <c r="G66" s="165">
        <v>0.16628583039147191</v>
      </c>
      <c r="H66" s="89">
        <v>6.3261315830269163E-3</v>
      </c>
      <c r="I66" s="165">
        <v>0.26549245322642018</v>
      </c>
      <c r="J66" s="89">
        <v>7.5017214885631477E-3</v>
      </c>
      <c r="K66" s="88">
        <v>2.5665914656880798E-2</v>
      </c>
      <c r="L66" s="89">
        <v>2.6931346045782818E-3</v>
      </c>
    </row>
    <row r="67" spans="1:12">
      <c r="A67" s="44" t="s">
        <v>351</v>
      </c>
      <c r="B67" s="44">
        <v>10148</v>
      </c>
      <c r="C67" s="164">
        <v>3.4470646227759301</v>
      </c>
      <c r="D67" s="82">
        <v>3.72271457207521E-2</v>
      </c>
      <c r="E67" s="166">
        <v>0.5244856515499543</v>
      </c>
      <c r="F67" s="92">
        <v>9.9129569760614822E-3</v>
      </c>
      <c r="G67" s="166">
        <v>0.1647192407221065</v>
      </c>
      <c r="H67" s="92">
        <v>7.3651624716830916E-3</v>
      </c>
      <c r="I67" s="166">
        <v>0.29293758002893078</v>
      </c>
      <c r="J67" s="92">
        <v>9.0345395787262538E-3</v>
      </c>
      <c r="K67" s="91">
        <v>1.7857527699007364E-2</v>
      </c>
      <c r="L67" s="92">
        <v>2.6424569630790979E-3</v>
      </c>
    </row>
    <row r="68" spans="1:12">
      <c r="A68" s="40" t="s">
        <v>352</v>
      </c>
      <c r="B68" s="48">
        <v>3711</v>
      </c>
      <c r="C68" s="162">
        <v>3.1985662589926283</v>
      </c>
      <c r="D68" s="81">
        <v>5.8462623801175992E-2</v>
      </c>
      <c r="E68" s="165">
        <v>0.55714155715338731</v>
      </c>
      <c r="F68" s="89">
        <v>1.629941481269119E-2</v>
      </c>
      <c r="G68" s="165">
        <v>0.1675503408438978</v>
      </c>
      <c r="H68" s="89">
        <v>1.2265132901639974E-2</v>
      </c>
      <c r="I68" s="165">
        <v>0.24333946039829146</v>
      </c>
      <c r="J68" s="89">
        <v>1.4085573792214508E-2</v>
      </c>
      <c r="K68" s="88">
        <v>3.1968641604423968E-2</v>
      </c>
      <c r="L68" s="89">
        <v>5.8162171860015096E-3</v>
      </c>
    </row>
    <row r="69" spans="1:12">
      <c r="A69" s="44" t="s">
        <v>555</v>
      </c>
      <c r="B69" s="44">
        <v>3596</v>
      </c>
      <c r="C69" s="164">
        <v>3.3899012116513751</v>
      </c>
      <c r="D69" s="82">
        <v>6.2471531666729925E-2</v>
      </c>
      <c r="E69" s="166">
        <v>0.53129022950129556</v>
      </c>
      <c r="F69" s="92">
        <v>1.6634071328281919E-2</v>
      </c>
      <c r="G69" s="166">
        <v>0.1741661201941124</v>
      </c>
      <c r="H69" s="92">
        <v>1.2652100394791558E-2</v>
      </c>
      <c r="I69" s="166">
        <v>0.27724901340250097</v>
      </c>
      <c r="J69" s="92">
        <v>1.4925451749715683E-2</v>
      </c>
      <c r="K69" s="91">
        <v>1.7294636902103838E-2</v>
      </c>
      <c r="L69" s="92">
        <v>4.4112271513073861E-3</v>
      </c>
    </row>
    <row r="70" spans="1:12">
      <c r="A70" s="40" t="s">
        <v>556</v>
      </c>
      <c r="B70" s="48">
        <v>2944</v>
      </c>
      <c r="C70" s="162">
        <v>3.5447112849902145</v>
      </c>
      <c r="D70" s="81">
        <v>6.9080098140541238E-2</v>
      </c>
      <c r="E70" s="165">
        <v>0.51293041608932766</v>
      </c>
      <c r="F70" s="89">
        <v>1.8411593662951743E-2</v>
      </c>
      <c r="G70" s="165">
        <v>0.16425576426357782</v>
      </c>
      <c r="H70" s="89">
        <v>1.3663006574205282E-2</v>
      </c>
      <c r="I70" s="165">
        <v>0.30956381150824475</v>
      </c>
      <c r="J70" s="89">
        <v>1.7033465599170145E-2</v>
      </c>
      <c r="K70" s="88">
        <v>1.3250008138845906E-2</v>
      </c>
      <c r="L70" s="89">
        <v>4.3141487438347319E-3</v>
      </c>
    </row>
    <row r="71" spans="1:12">
      <c r="A71" s="44" t="s">
        <v>536</v>
      </c>
      <c r="B71" s="44">
        <v>327</v>
      </c>
      <c r="C71" s="164">
        <v>3.5978422824788434</v>
      </c>
      <c r="D71" s="82">
        <v>0.19854382763206871</v>
      </c>
      <c r="E71" s="166">
        <v>0.52338330236740904</v>
      </c>
      <c r="F71" s="92">
        <v>5.4906276257178775E-2</v>
      </c>
      <c r="G71" s="166">
        <v>0.13615607303744273</v>
      </c>
      <c r="H71" s="92">
        <v>3.8207232471122288E-2</v>
      </c>
      <c r="I71" s="166">
        <v>0.32707395582971849</v>
      </c>
      <c r="J71" s="92">
        <v>5.1657126323100329E-2</v>
      </c>
      <c r="K71" s="91">
        <v>1.3386668765431915E-2</v>
      </c>
      <c r="L71" s="92">
        <v>1.5111256164543249E-2</v>
      </c>
    </row>
    <row r="72" spans="1:12">
      <c r="A72" s="40" t="s">
        <v>537</v>
      </c>
      <c r="B72" s="48">
        <v>161</v>
      </c>
      <c r="C72" s="162">
        <v>3.6813699637287463</v>
      </c>
      <c r="D72" s="81">
        <v>0.27031822616358375</v>
      </c>
      <c r="E72" s="165">
        <v>0.50493438256448619</v>
      </c>
      <c r="F72" s="89">
        <v>7.7846284911630065E-2</v>
      </c>
      <c r="G72" s="165">
        <v>0.15505637868141886</v>
      </c>
      <c r="H72" s="89">
        <v>5.7569561334565901E-2</v>
      </c>
      <c r="I72" s="165">
        <v>0.33312151340801649</v>
      </c>
      <c r="J72" s="89">
        <v>7.3605900817627329E-2</v>
      </c>
      <c r="K72" s="88">
        <v>6.8877253460774054E-3</v>
      </c>
      <c r="L72" s="89">
        <v>2.1169986051607442E-2</v>
      </c>
    </row>
    <row r="73" spans="1:12">
      <c r="A73" s="44" t="s">
        <v>538</v>
      </c>
      <c r="B73" s="44">
        <v>88</v>
      </c>
      <c r="C73" s="164">
        <v>3.8646439043693182</v>
      </c>
      <c r="D73" s="82">
        <v>0.41061966839558323</v>
      </c>
      <c r="E73" s="166">
        <v>0.48013687863642718</v>
      </c>
      <c r="F73" s="92">
        <v>0.10418191003759807</v>
      </c>
      <c r="G73" s="166">
        <v>6.9308662886354955E-2</v>
      </c>
      <c r="H73" s="92">
        <v>5.9081492111097283E-2</v>
      </c>
      <c r="I73" s="166">
        <v>0.43735201378124566</v>
      </c>
      <c r="J73" s="92">
        <v>0.10350574337366132</v>
      </c>
      <c r="K73" s="91">
        <v>1.3202444695971967E-2</v>
      </c>
      <c r="L73" s="92">
        <v>3.7985367265478645E-2</v>
      </c>
    </row>
    <row r="74" spans="1:12">
      <c r="A74" s="40" t="s">
        <v>539</v>
      </c>
      <c r="B74" s="48">
        <v>243</v>
      </c>
      <c r="C74" s="162">
        <v>4.010480164913524</v>
      </c>
      <c r="D74" s="81">
        <v>0.24203163547195239</v>
      </c>
      <c r="E74" s="165">
        <v>0.42741718899360848</v>
      </c>
      <c r="F74" s="89">
        <v>6.2976248457309564E-2</v>
      </c>
      <c r="G74" s="165">
        <v>0.15780699645062535</v>
      </c>
      <c r="H74" s="89">
        <v>4.7044784211664088E-2</v>
      </c>
      <c r="I74" s="165">
        <v>0.40739010873766396</v>
      </c>
      <c r="J74" s="89">
        <v>6.2563191456087588E-2</v>
      </c>
      <c r="K74" s="88">
        <v>7.3857058181000055E-3</v>
      </c>
      <c r="L74" s="89">
        <v>1.5651692264975439E-2</v>
      </c>
    </row>
    <row r="75" spans="1:12">
      <c r="A75" s="44" t="s">
        <v>540</v>
      </c>
      <c r="B75" s="44">
        <v>82</v>
      </c>
      <c r="C75" s="164">
        <v>4.3306637342579561</v>
      </c>
      <c r="D75" s="82">
        <v>0.41662631042584553</v>
      </c>
      <c r="E75" s="166">
        <v>0.38044716940590867</v>
      </c>
      <c r="F75" s="92">
        <v>0.10499297221845612</v>
      </c>
      <c r="G75" s="166">
        <v>0.16391869498543288</v>
      </c>
      <c r="H75" s="92">
        <v>8.2775134830418998E-2</v>
      </c>
      <c r="I75" s="166">
        <v>0.4556341356086584</v>
      </c>
      <c r="J75" s="92">
        <v>0.10744614927782346</v>
      </c>
      <c r="K75" s="91">
        <v>0</v>
      </c>
      <c r="L75" s="92">
        <v>3.2504011252172456E-2</v>
      </c>
    </row>
    <row r="76" spans="1:12">
      <c r="A76" s="40" t="s">
        <v>541</v>
      </c>
      <c r="B76" s="161">
        <v>90</v>
      </c>
      <c r="C76" s="162">
        <v>3.8013384220895805</v>
      </c>
      <c r="D76" s="81">
        <v>0.38537119648324664</v>
      </c>
      <c r="E76" s="165">
        <v>0.46876231547102726</v>
      </c>
      <c r="F76" s="89">
        <v>0.10295743519014031</v>
      </c>
      <c r="G76" s="165">
        <v>0.18102993744021778</v>
      </c>
      <c r="H76" s="89">
        <v>8.1666877258307707E-2</v>
      </c>
      <c r="I76" s="165">
        <v>0.35020774708875513</v>
      </c>
      <c r="J76" s="89">
        <v>9.8808054722980751E-2</v>
      </c>
      <c r="K76" s="88">
        <v>0</v>
      </c>
      <c r="L76" s="89">
        <v>2.976782656907849E-2</v>
      </c>
    </row>
    <row r="77" spans="1:12">
      <c r="A77" s="44" t="s">
        <v>542</v>
      </c>
      <c r="B77" s="163">
        <v>71</v>
      </c>
      <c r="C77" s="164">
        <v>3.9093741520084531</v>
      </c>
      <c r="D77" s="82">
        <v>0.46063885661141318</v>
      </c>
      <c r="E77" s="166">
        <v>0.42982821419655565</v>
      </c>
      <c r="F77" s="92">
        <v>0.11444641234641738</v>
      </c>
      <c r="G77" s="166">
        <v>0.12511431024262878</v>
      </c>
      <c r="H77" s="92">
        <v>8.1339394314344587E-2</v>
      </c>
      <c r="I77" s="166">
        <v>0.42157231455089106</v>
      </c>
      <c r="J77" s="92">
        <v>0.11418994665691708</v>
      </c>
      <c r="K77" s="91">
        <v>2.3485161009923986E-2</v>
      </c>
      <c r="L77" s="92">
        <v>4.9803960007805764E-2</v>
      </c>
    </row>
    <row r="78" spans="1:12">
      <c r="A78" s="40" t="s">
        <v>543</v>
      </c>
      <c r="B78" s="78">
        <v>476</v>
      </c>
      <c r="C78" s="162">
        <v>3.3807293811101795</v>
      </c>
      <c r="D78" s="81">
        <v>0.16613682315446215</v>
      </c>
      <c r="E78" s="165">
        <v>0.54843491827952495</v>
      </c>
      <c r="F78" s="89">
        <v>4.5432458551172172E-2</v>
      </c>
      <c r="G78" s="165">
        <v>0.15646958647357956</v>
      </c>
      <c r="H78" s="89">
        <v>3.3409772195093806E-2</v>
      </c>
      <c r="I78" s="165">
        <v>0.27518265701011468</v>
      </c>
      <c r="J78" s="89">
        <v>4.0855031615882068E-2</v>
      </c>
      <c r="K78" s="88">
        <v>1.9912838236782603E-2</v>
      </c>
      <c r="L78" s="89">
        <v>1.3946835367942067E-2</v>
      </c>
    </row>
    <row r="79" spans="1:12">
      <c r="A79" s="44" t="s">
        <v>616</v>
      </c>
      <c r="B79" s="163">
        <v>246</v>
      </c>
      <c r="C79" s="164">
        <v>3.3909615666126163</v>
      </c>
      <c r="D79" s="82">
        <v>0.22662137600471011</v>
      </c>
      <c r="E79" s="166">
        <v>0.5401238668774424</v>
      </c>
      <c r="F79" s="92">
        <v>6.3048068107597041E-2</v>
      </c>
      <c r="G79" s="166">
        <v>0.18306496159274135</v>
      </c>
      <c r="H79" s="92">
        <v>4.9435339097853026E-2</v>
      </c>
      <c r="I79" s="166">
        <v>0.25612631657020557</v>
      </c>
      <c r="J79" s="92">
        <v>5.5485289011312375E-2</v>
      </c>
      <c r="K79" s="91">
        <v>2.0684854959608222E-2</v>
      </c>
      <c r="L79" s="92">
        <v>2.0995219947130925E-2</v>
      </c>
    </row>
    <row r="80" spans="1:12">
      <c r="A80" s="52" t="s">
        <v>544</v>
      </c>
      <c r="B80" s="161">
        <v>230</v>
      </c>
      <c r="C80" s="162">
        <v>3.3714883971048475</v>
      </c>
      <c r="D80" s="81">
        <v>0.24409846660456516</v>
      </c>
      <c r="E80" s="165">
        <v>0.5559521393204474</v>
      </c>
      <c r="F80" s="89">
        <v>6.4975402815686895E-2</v>
      </c>
      <c r="G80" s="165">
        <v>0.1324144695256764</v>
      </c>
      <c r="H80" s="89">
        <v>4.5189222755652805E-2</v>
      </c>
      <c r="I80" s="165">
        <v>0.29241883043602529</v>
      </c>
      <c r="J80" s="89">
        <v>5.9681580622364547E-2</v>
      </c>
      <c r="K80" s="88">
        <v>1.9214560717849272E-2</v>
      </c>
      <c r="L80" s="89">
        <v>2.135597333279202E-2</v>
      </c>
    </row>
    <row r="81" spans="1:12">
      <c r="A81" s="44" t="s">
        <v>545</v>
      </c>
      <c r="B81" s="163">
        <v>112</v>
      </c>
      <c r="C81" s="164">
        <v>3.3336110347710846</v>
      </c>
      <c r="D81" s="82">
        <v>0.34762949766566398</v>
      </c>
      <c r="E81" s="166">
        <v>0.56275148607301384</v>
      </c>
      <c r="F81" s="92">
        <v>9.216348623788842E-2</v>
      </c>
      <c r="G81" s="166">
        <v>0.16909577520417682</v>
      </c>
      <c r="H81" s="92">
        <v>7.1420018866592425E-2</v>
      </c>
      <c r="I81" s="166">
        <v>0.25399653272803707</v>
      </c>
      <c r="J81" s="92">
        <v>8.170256606746755E-2</v>
      </c>
      <c r="K81" s="91">
        <v>1.4156205994771999E-2</v>
      </c>
      <c r="L81" s="92">
        <v>3.2138733089292798E-2</v>
      </c>
    </row>
    <row r="82" spans="1:12">
      <c r="A82" s="52" t="s">
        <v>546</v>
      </c>
      <c r="B82" s="161">
        <v>282</v>
      </c>
      <c r="C82" s="162">
        <v>3.8304356870704259</v>
      </c>
      <c r="D82" s="81">
        <v>0.23670006457513521</v>
      </c>
      <c r="E82" s="165">
        <v>0.46189095961076354</v>
      </c>
      <c r="F82" s="89">
        <v>5.8964021352550668E-2</v>
      </c>
      <c r="G82" s="165">
        <v>0.17881629340040231</v>
      </c>
      <c r="H82" s="89">
        <v>4.5758015618343625E-2</v>
      </c>
      <c r="I82" s="165">
        <v>0.35740127272125199</v>
      </c>
      <c r="J82" s="89">
        <v>5.6745095560612566E-2</v>
      </c>
      <c r="K82" s="88">
        <v>1.8914742675851975E-3</v>
      </c>
      <c r="L82" s="89">
        <v>1.1081113795833779E-2</v>
      </c>
    </row>
    <row r="83" spans="1:12">
      <c r="A83" s="44" t="s">
        <v>557</v>
      </c>
      <c r="B83" s="163">
        <v>109</v>
      </c>
      <c r="C83" s="164">
        <v>3.8570554280756557</v>
      </c>
      <c r="D83" s="82">
        <v>0.38163245066427942</v>
      </c>
      <c r="E83" s="166">
        <v>0.47218464555409001</v>
      </c>
      <c r="F83" s="92">
        <v>9.3936546345183378E-2</v>
      </c>
      <c r="G83" s="166">
        <v>0.19484561738195552</v>
      </c>
      <c r="H83" s="92">
        <v>7.6042985217602208E-2</v>
      </c>
      <c r="I83" s="166">
        <v>0.3307445203427764</v>
      </c>
      <c r="J83" s="92">
        <v>8.8915754528015853E-2</v>
      </c>
      <c r="K83" s="91">
        <v>2.2252167211787117E-3</v>
      </c>
      <c r="L83" s="92">
        <v>2.6240357123000817E-2</v>
      </c>
    </row>
    <row r="84" spans="1:12">
      <c r="A84" s="52" t="s">
        <v>558</v>
      </c>
      <c r="B84" s="161">
        <v>111</v>
      </c>
      <c r="C84" s="162">
        <v>3.9195837040069028</v>
      </c>
      <c r="D84" s="81">
        <v>0.38477746223339332</v>
      </c>
      <c r="E84" s="165">
        <v>0.42704342319725219</v>
      </c>
      <c r="F84" s="89">
        <v>9.2321022248059742E-2</v>
      </c>
      <c r="G84" s="165">
        <v>0.17335436867525617</v>
      </c>
      <c r="H84" s="89">
        <v>7.2374862680482197E-2</v>
      </c>
      <c r="I84" s="165">
        <v>0.3969383646285396</v>
      </c>
      <c r="J84" s="89">
        <v>9.1386298998039489E-2</v>
      </c>
      <c r="K84" s="88">
        <v>2.6638434989525333E-3</v>
      </c>
      <c r="L84" s="89">
        <v>2.6086139126117278E-2</v>
      </c>
    </row>
    <row r="85" spans="1:12">
      <c r="A85" s="44" t="s">
        <v>549</v>
      </c>
      <c r="B85" s="163">
        <v>62</v>
      </c>
      <c r="C85" s="164">
        <v>3.6341759187007581</v>
      </c>
      <c r="D85" s="82">
        <v>0.4841600264749728</v>
      </c>
      <c r="E85" s="166">
        <v>0.50131699932891427</v>
      </c>
      <c r="F85" s="92">
        <v>0.12309111416682696</v>
      </c>
      <c r="G85" s="166">
        <v>0.15888770795444976</v>
      </c>
      <c r="H85" s="92">
        <v>9.4490327471940125E-2</v>
      </c>
      <c r="I85" s="166">
        <v>0.339795292716636</v>
      </c>
      <c r="J85" s="92">
        <v>0.11738337999176554</v>
      </c>
      <c r="K85" s="91">
        <v>0</v>
      </c>
      <c r="L85" s="92">
        <v>4.2200643868047963E-2</v>
      </c>
    </row>
    <row r="86" spans="1:12">
      <c r="A86" s="52" t="s">
        <v>550</v>
      </c>
      <c r="B86" s="161">
        <v>161</v>
      </c>
      <c r="C86" s="162">
        <v>3.5743065340645117</v>
      </c>
      <c r="D86" s="81">
        <v>0.30119894332337804</v>
      </c>
      <c r="E86" s="165">
        <v>0.50968991490900917</v>
      </c>
      <c r="F86" s="89">
        <v>7.7835974050481288E-2</v>
      </c>
      <c r="G86" s="165">
        <v>0.18385946775056047</v>
      </c>
      <c r="H86" s="89">
        <v>6.1267864335954075E-2</v>
      </c>
      <c r="I86" s="165">
        <v>0.29912301839815159</v>
      </c>
      <c r="J86" s="89">
        <v>7.1618714873096942E-2</v>
      </c>
      <c r="K86" s="88">
        <v>7.3275989422783095E-3</v>
      </c>
      <c r="L86" s="89">
        <v>2.140506551171802E-2</v>
      </c>
    </row>
    <row r="87" spans="1:12">
      <c r="A87" s="44" t="s">
        <v>551</v>
      </c>
      <c r="B87" s="163">
        <v>676</v>
      </c>
      <c r="C87" s="164">
        <v>3.2850530695313864</v>
      </c>
      <c r="D87" s="82">
        <v>0.13999949605943754</v>
      </c>
      <c r="E87" s="166">
        <v>0.54235608129074342</v>
      </c>
      <c r="F87" s="92">
        <v>3.8212025103380426E-2</v>
      </c>
      <c r="G87" s="166">
        <v>0.18078218982768759</v>
      </c>
      <c r="H87" s="92">
        <v>2.9634567193599547E-2</v>
      </c>
      <c r="I87" s="166">
        <v>0.25701085282877928</v>
      </c>
      <c r="J87" s="92">
        <v>3.3575977353205236E-2</v>
      </c>
      <c r="K87" s="91">
        <v>1.9850876052793887E-2</v>
      </c>
      <c r="L87" s="92">
        <v>1.1417508283937925E-2</v>
      </c>
    </row>
    <row r="90" spans="1:12" ht="18.75">
      <c r="A90" s="342" t="s">
        <v>43</v>
      </c>
      <c r="B90" s="342"/>
      <c r="C90" s="342"/>
      <c r="D90" s="342"/>
    </row>
    <row r="91" spans="1:12" ht="131.25" customHeight="1">
      <c r="A91" s="364" t="s">
        <v>391</v>
      </c>
      <c r="B91" s="364"/>
      <c r="C91" s="364"/>
      <c r="D91" s="364"/>
    </row>
    <row r="92" spans="1:12" ht="39" customHeight="1">
      <c r="A92" s="407" t="s">
        <v>392</v>
      </c>
      <c r="B92" s="391"/>
      <c r="C92" s="391"/>
      <c r="D92" s="391"/>
    </row>
    <row r="93" spans="1:12" ht="72">
      <c r="A93" s="32" t="s">
        <v>71</v>
      </c>
      <c r="B93" s="33" t="s">
        <v>72</v>
      </c>
      <c r="C93" s="34" t="s">
        <v>592</v>
      </c>
      <c r="D93" s="35" t="s">
        <v>73</v>
      </c>
    </row>
    <row r="94" spans="1:12" ht="72">
      <c r="A94" s="36"/>
      <c r="B94" s="37" t="s">
        <v>74</v>
      </c>
      <c r="C94" s="38" t="s">
        <v>393</v>
      </c>
      <c r="D94" s="39" t="s">
        <v>76</v>
      </c>
    </row>
    <row r="95" spans="1:12">
      <c r="A95" s="40" t="s">
        <v>350</v>
      </c>
      <c r="B95" s="151">
        <v>11256</v>
      </c>
      <c r="C95" s="79">
        <v>3.8226257740196408</v>
      </c>
      <c r="D95" s="80">
        <v>2.5223193844769246E-2</v>
      </c>
    </row>
    <row r="96" spans="1:12">
      <c r="A96" s="44" t="s">
        <v>351</v>
      </c>
      <c r="B96" s="44">
        <v>7943</v>
      </c>
      <c r="C96" s="153">
        <v>3.7928635880880677</v>
      </c>
      <c r="D96" s="154">
        <v>3.0618100296178771E-2</v>
      </c>
    </row>
    <row r="97" spans="1:4">
      <c r="A97" s="40" t="s">
        <v>352</v>
      </c>
      <c r="B97" s="48">
        <v>3313</v>
      </c>
      <c r="C97" s="79">
        <v>3.8457865537807923</v>
      </c>
      <c r="D97" s="80">
        <v>4.4179949484180525E-2</v>
      </c>
    </row>
    <row r="98" spans="1:4">
      <c r="A98" s="44" t="s">
        <v>555</v>
      </c>
      <c r="B98" s="44">
        <v>2942</v>
      </c>
      <c r="C98" s="153">
        <v>3.8635130979533043</v>
      </c>
      <c r="D98" s="154">
        <v>5.0162453617360964E-2</v>
      </c>
    </row>
    <row r="99" spans="1:4">
      <c r="A99" s="40" t="s">
        <v>556</v>
      </c>
      <c r="B99" s="48">
        <v>2356</v>
      </c>
      <c r="C99" s="79">
        <v>3.8159655193403248</v>
      </c>
      <c r="D99" s="80">
        <v>5.6628638711594001E-2</v>
      </c>
    </row>
    <row r="100" spans="1:4">
      <c r="A100" s="44" t="s">
        <v>536</v>
      </c>
      <c r="B100" s="44">
        <v>263</v>
      </c>
      <c r="C100" s="153">
        <v>3.5452483899111655</v>
      </c>
      <c r="D100" s="154">
        <v>0.15975129353514028</v>
      </c>
    </row>
    <row r="101" spans="1:4">
      <c r="A101" s="40" t="s">
        <v>537</v>
      </c>
      <c r="B101" s="48">
        <v>135</v>
      </c>
      <c r="C101" s="79">
        <v>3.444922010559718</v>
      </c>
      <c r="D101" s="80">
        <v>0.1975676625941219</v>
      </c>
    </row>
    <row r="102" spans="1:4">
      <c r="A102" s="44" t="s">
        <v>538</v>
      </c>
      <c r="B102" s="44">
        <v>67</v>
      </c>
      <c r="C102" s="153">
        <v>3.8924947483155141</v>
      </c>
      <c r="D102" s="154">
        <v>0.34068829192613476</v>
      </c>
    </row>
    <row r="103" spans="1:4">
      <c r="A103" s="40" t="s">
        <v>539</v>
      </c>
      <c r="B103" s="48">
        <v>187</v>
      </c>
      <c r="C103" s="79">
        <v>3.6212268184484895</v>
      </c>
      <c r="D103" s="80">
        <v>0.19478625935153546</v>
      </c>
    </row>
    <row r="104" spans="1:4">
      <c r="A104" s="44" t="s">
        <v>540</v>
      </c>
      <c r="B104" s="44">
        <v>67</v>
      </c>
      <c r="C104" s="153">
        <v>3.5032847466815764</v>
      </c>
      <c r="D104" s="154">
        <v>0.35118223517771141</v>
      </c>
    </row>
    <row r="105" spans="1:4">
      <c r="A105" s="40" t="s">
        <v>541</v>
      </c>
      <c r="B105" s="151">
        <v>65</v>
      </c>
      <c r="C105" s="79">
        <v>3.8388436453289292</v>
      </c>
      <c r="D105" s="80">
        <v>0.33015989740832125</v>
      </c>
    </row>
    <row r="106" spans="1:4">
      <c r="A106" s="44" t="s">
        <v>542</v>
      </c>
      <c r="B106" s="152">
        <v>55</v>
      </c>
      <c r="C106" s="153">
        <v>3.5208051573640358</v>
      </c>
      <c r="D106" s="154">
        <v>0.32433256516825898</v>
      </c>
    </row>
    <row r="107" spans="1:4">
      <c r="A107" s="40" t="s">
        <v>543</v>
      </c>
      <c r="B107" s="78">
        <v>394</v>
      </c>
      <c r="C107" s="79">
        <v>3.9567025680640402</v>
      </c>
      <c r="D107" s="80">
        <v>0.13552083333965118</v>
      </c>
    </row>
    <row r="108" spans="1:4">
      <c r="A108" s="44" t="s">
        <v>616</v>
      </c>
      <c r="B108" s="152">
        <v>199</v>
      </c>
      <c r="C108" s="153">
        <v>3.7952937368627824</v>
      </c>
      <c r="D108" s="154">
        <v>0.19295255207467132</v>
      </c>
    </row>
    <row r="109" spans="1:4">
      <c r="A109" s="52" t="s">
        <v>544</v>
      </c>
      <c r="B109" s="151">
        <v>195</v>
      </c>
      <c r="C109" s="79">
        <v>4.1019609926078768</v>
      </c>
      <c r="D109" s="80">
        <v>0.1892555825914517</v>
      </c>
    </row>
    <row r="110" spans="1:4">
      <c r="A110" s="44" t="s">
        <v>545</v>
      </c>
      <c r="B110" s="152">
        <v>83</v>
      </c>
      <c r="C110" s="153">
        <v>3.7059312405056177</v>
      </c>
      <c r="D110" s="154">
        <v>0.32129367066744668</v>
      </c>
    </row>
    <row r="111" spans="1:4">
      <c r="A111" s="52" t="s">
        <v>546</v>
      </c>
      <c r="B111" s="151">
        <v>204</v>
      </c>
      <c r="C111" s="79">
        <v>3.4963523583770328</v>
      </c>
      <c r="D111" s="80">
        <v>0.19215804597336858</v>
      </c>
    </row>
    <row r="112" spans="1:4">
      <c r="A112" s="44" t="s">
        <v>557</v>
      </c>
      <c r="B112" s="152">
        <v>83</v>
      </c>
      <c r="C112" s="153">
        <v>3.6557998642997469</v>
      </c>
      <c r="D112" s="154">
        <v>0.31554983569038436</v>
      </c>
    </row>
    <row r="113" spans="1:34">
      <c r="A113" s="52" t="s">
        <v>558</v>
      </c>
      <c r="B113" s="151">
        <v>73</v>
      </c>
      <c r="C113" s="79">
        <v>3.5716222034661431</v>
      </c>
      <c r="D113" s="80">
        <v>0.33033596663952913</v>
      </c>
    </row>
    <row r="114" spans="1:34">
      <c r="A114" s="44" t="s">
        <v>549</v>
      </c>
      <c r="B114" s="152">
        <v>48</v>
      </c>
      <c r="C114" s="153">
        <v>3.106434579509707</v>
      </c>
      <c r="D114" s="154">
        <v>0.32796125960056877</v>
      </c>
    </row>
    <row r="115" spans="1:34">
      <c r="A115" s="52" t="s">
        <v>550</v>
      </c>
      <c r="B115" s="151">
        <v>133</v>
      </c>
      <c r="C115" s="79">
        <v>3.5772391011154441</v>
      </c>
      <c r="D115" s="80">
        <v>0.22113014767053249</v>
      </c>
    </row>
    <row r="116" spans="1:34">
      <c r="A116" s="44" t="s">
        <v>551</v>
      </c>
      <c r="B116" s="152">
        <v>609</v>
      </c>
      <c r="C116" s="153">
        <v>3.908296082000422</v>
      </c>
      <c r="D116" s="154">
        <v>0.10629544398576639</v>
      </c>
    </row>
    <row r="119" spans="1:34" ht="18.75">
      <c r="A119" s="342" t="s">
        <v>505</v>
      </c>
      <c r="B119" s="342"/>
      <c r="C119" s="342"/>
      <c r="D119" s="342"/>
      <c r="E119" s="342"/>
      <c r="F119" s="342"/>
      <c r="G119" s="342"/>
      <c r="H119" s="342"/>
      <c r="I119" s="342"/>
      <c r="J119" s="342"/>
      <c r="K119" s="342"/>
      <c r="L119" s="342"/>
      <c r="M119" s="342"/>
      <c r="N119" s="342"/>
      <c r="O119" s="342"/>
      <c r="P119" s="342"/>
      <c r="Q119" s="342"/>
      <c r="R119" s="342"/>
      <c r="S119" s="342"/>
      <c r="T119" s="342"/>
      <c r="U119" s="342"/>
      <c r="V119" s="342"/>
      <c r="W119" s="342"/>
      <c r="X119" s="342"/>
      <c r="Y119" s="342"/>
      <c r="Z119" s="342"/>
      <c r="AA119" s="342"/>
      <c r="AB119" s="342"/>
      <c r="AC119" s="342"/>
      <c r="AD119" s="342"/>
      <c r="AE119" s="342"/>
      <c r="AF119" s="342"/>
      <c r="AG119" s="342"/>
      <c r="AH119" s="342"/>
    </row>
    <row r="120" spans="1:34" ht="75.75" customHeight="1">
      <c r="A120" s="408" t="s">
        <v>598</v>
      </c>
      <c r="B120" s="408"/>
      <c r="C120" s="408"/>
      <c r="D120" s="408"/>
      <c r="E120" s="408"/>
      <c r="F120" s="408"/>
      <c r="G120" s="408"/>
      <c r="H120" s="408"/>
      <c r="I120" s="408"/>
      <c r="J120" s="408"/>
      <c r="K120" s="408"/>
      <c r="L120" s="408"/>
      <c r="M120" s="408"/>
      <c r="N120" s="408"/>
      <c r="O120" s="408"/>
      <c r="P120" s="408"/>
      <c r="Q120" s="408"/>
      <c r="R120" s="408"/>
      <c r="S120" s="408"/>
      <c r="T120" s="408"/>
      <c r="U120" s="408"/>
      <c r="V120" s="408"/>
      <c r="W120" s="408"/>
      <c r="X120" s="408"/>
      <c r="Y120" s="408"/>
      <c r="Z120" s="408"/>
      <c r="AA120" s="408"/>
      <c r="AB120" s="408"/>
      <c r="AC120" s="408"/>
      <c r="AD120" s="408"/>
      <c r="AE120" s="408"/>
      <c r="AF120" s="408"/>
      <c r="AG120" s="408"/>
      <c r="AH120" s="408"/>
    </row>
    <row r="121" spans="1:34" ht="42" customHeight="1">
      <c r="A121" s="308"/>
      <c r="B121" s="389" t="s">
        <v>394</v>
      </c>
      <c r="C121" s="390"/>
      <c r="D121" s="390"/>
      <c r="E121" s="390"/>
      <c r="F121" s="390"/>
      <c r="G121" s="390"/>
      <c r="H121" s="390"/>
      <c r="I121" s="390"/>
      <c r="J121" s="390"/>
      <c r="K121" s="390"/>
      <c r="L121" s="390"/>
      <c r="M121" s="389" t="s">
        <v>395</v>
      </c>
      <c r="N121" s="390"/>
      <c r="O121" s="390"/>
      <c r="P121" s="390"/>
      <c r="Q121" s="390"/>
      <c r="R121" s="390"/>
      <c r="S121" s="390"/>
      <c r="T121" s="390"/>
      <c r="U121" s="390"/>
      <c r="V121" s="390"/>
      <c r="W121" s="390"/>
      <c r="X121" s="389" t="s">
        <v>269</v>
      </c>
      <c r="Y121" s="390"/>
      <c r="Z121" s="390"/>
      <c r="AA121" s="390"/>
      <c r="AB121" s="390"/>
      <c r="AC121" s="390"/>
      <c r="AD121" s="390"/>
      <c r="AE121" s="390"/>
      <c r="AF121" s="390"/>
      <c r="AG121" s="390"/>
      <c r="AH121" s="390"/>
    </row>
    <row r="122" spans="1:34" ht="72">
      <c r="A122" s="32" t="s">
        <v>71</v>
      </c>
      <c r="B122" s="33" t="s">
        <v>72</v>
      </c>
      <c r="C122" s="34" t="s">
        <v>592</v>
      </c>
      <c r="D122" s="35" t="s">
        <v>73</v>
      </c>
      <c r="E122" s="33" t="s">
        <v>158</v>
      </c>
      <c r="F122" s="35" t="s">
        <v>87</v>
      </c>
      <c r="G122" s="33" t="s">
        <v>157</v>
      </c>
      <c r="H122" s="35" t="s">
        <v>86</v>
      </c>
      <c r="I122" s="33" t="s">
        <v>156</v>
      </c>
      <c r="J122" s="35" t="s">
        <v>85</v>
      </c>
      <c r="K122" s="33" t="s">
        <v>301</v>
      </c>
      <c r="L122" s="84" t="s">
        <v>315</v>
      </c>
      <c r="M122" s="60" t="s">
        <v>72</v>
      </c>
      <c r="N122" s="61" t="s">
        <v>592</v>
      </c>
      <c r="O122" s="62" t="s">
        <v>73</v>
      </c>
      <c r="P122" s="60" t="s">
        <v>158</v>
      </c>
      <c r="Q122" s="62" t="s">
        <v>87</v>
      </c>
      <c r="R122" s="60" t="s">
        <v>157</v>
      </c>
      <c r="S122" s="62" t="s">
        <v>86</v>
      </c>
      <c r="T122" s="60" t="s">
        <v>156</v>
      </c>
      <c r="U122" s="62" t="s">
        <v>85</v>
      </c>
      <c r="V122" s="60" t="s">
        <v>301</v>
      </c>
      <c r="W122" s="83" t="s">
        <v>315</v>
      </c>
      <c r="X122" s="33" t="s">
        <v>72</v>
      </c>
      <c r="Y122" s="34" t="s">
        <v>592</v>
      </c>
      <c r="Z122" s="35" t="s">
        <v>73</v>
      </c>
      <c r="AA122" s="33" t="s">
        <v>346</v>
      </c>
      <c r="AB122" s="35" t="s">
        <v>347</v>
      </c>
      <c r="AC122" s="33" t="s">
        <v>343</v>
      </c>
      <c r="AD122" s="35" t="s">
        <v>345</v>
      </c>
      <c r="AE122" s="33" t="s">
        <v>348</v>
      </c>
      <c r="AF122" s="35" t="s">
        <v>349</v>
      </c>
      <c r="AG122" s="33" t="s">
        <v>301</v>
      </c>
      <c r="AH122" s="84" t="s">
        <v>315</v>
      </c>
    </row>
    <row r="123" spans="1:34" ht="84">
      <c r="A123" s="36"/>
      <c r="B123" s="37" t="s">
        <v>74</v>
      </c>
      <c r="C123" s="123" t="s">
        <v>577</v>
      </c>
      <c r="D123" s="39" t="s">
        <v>76</v>
      </c>
      <c r="E123" s="37" t="s">
        <v>161</v>
      </c>
      <c r="F123" s="39" t="s">
        <v>128</v>
      </c>
      <c r="G123" s="37" t="s">
        <v>160</v>
      </c>
      <c r="H123" s="39" t="s">
        <v>127</v>
      </c>
      <c r="I123" s="37" t="s">
        <v>159</v>
      </c>
      <c r="J123" s="39" t="s">
        <v>126</v>
      </c>
      <c r="K123" s="37" t="s">
        <v>301</v>
      </c>
      <c r="L123" s="86" t="s">
        <v>88</v>
      </c>
      <c r="M123" s="63" t="s">
        <v>74</v>
      </c>
      <c r="N123" s="254" t="s">
        <v>577</v>
      </c>
      <c r="O123" s="65" t="s">
        <v>76</v>
      </c>
      <c r="P123" s="63" t="s">
        <v>161</v>
      </c>
      <c r="Q123" s="65" t="s">
        <v>128</v>
      </c>
      <c r="R123" s="63" t="s">
        <v>160</v>
      </c>
      <c r="S123" s="65" t="s">
        <v>127</v>
      </c>
      <c r="T123" s="63" t="s">
        <v>159</v>
      </c>
      <c r="U123" s="65" t="s">
        <v>126</v>
      </c>
      <c r="V123" s="63" t="s">
        <v>301</v>
      </c>
      <c r="W123" s="85" t="s">
        <v>88</v>
      </c>
      <c r="X123" s="37" t="s">
        <v>74</v>
      </c>
      <c r="Y123" s="123" t="s">
        <v>578</v>
      </c>
      <c r="Z123" s="39" t="s">
        <v>76</v>
      </c>
      <c r="AA123" s="37" t="s">
        <v>342</v>
      </c>
      <c r="AB123" s="39" t="s">
        <v>88</v>
      </c>
      <c r="AC123" s="37" t="s">
        <v>344</v>
      </c>
      <c r="AD123" s="39" t="s">
        <v>88</v>
      </c>
      <c r="AE123" s="37" t="s">
        <v>159</v>
      </c>
      <c r="AF123" s="39" t="s">
        <v>88</v>
      </c>
      <c r="AG123" s="37" t="s">
        <v>301</v>
      </c>
      <c r="AH123" s="86" t="s">
        <v>88</v>
      </c>
    </row>
    <row r="124" spans="1:34">
      <c r="A124" s="40" t="s">
        <v>350</v>
      </c>
      <c r="B124" s="167">
        <v>12544</v>
      </c>
      <c r="C124" s="162">
        <v>3.2020242938552061</v>
      </c>
      <c r="D124" s="81">
        <v>3.153995798480589E-2</v>
      </c>
      <c r="E124" s="170">
        <v>0.54132231395590125</v>
      </c>
      <c r="F124" s="89">
        <v>8.8966286615720213E-3</v>
      </c>
      <c r="G124" s="169">
        <v>0.18931842611000591</v>
      </c>
      <c r="H124" s="89">
        <v>6.99602529067041E-3</v>
      </c>
      <c r="I124" s="169">
        <v>0.18067742109804744</v>
      </c>
      <c r="J124" s="89">
        <v>6.8709607644124732E-3</v>
      </c>
      <c r="K124" s="88">
        <v>8.8681838836064675E-2</v>
      </c>
      <c r="L124" s="89">
        <v>5.0790755597446618E-3</v>
      </c>
      <c r="M124" s="167">
        <v>13868</v>
      </c>
      <c r="N124" s="162">
        <v>4.2251086056961293</v>
      </c>
      <c r="O124" s="81">
        <v>3.4600329527097004E-2</v>
      </c>
      <c r="P124" s="170">
        <v>0.3086532060730165</v>
      </c>
      <c r="Q124" s="89">
        <v>7.8445007978317771E-3</v>
      </c>
      <c r="R124" s="169">
        <v>0.17006063879593769</v>
      </c>
      <c r="S124" s="89">
        <v>6.3809022605139723E-3</v>
      </c>
      <c r="T124" s="169">
        <v>0.38657136831239003</v>
      </c>
      <c r="U124" s="89">
        <v>8.2692117420913973E-3</v>
      </c>
      <c r="V124" s="88">
        <v>0.13471478681867408</v>
      </c>
      <c r="W124" s="89">
        <v>5.7995061308474616E-3</v>
      </c>
      <c r="X124" s="167">
        <v>12646</v>
      </c>
      <c r="Y124" s="162">
        <v>4.0793748706653501</v>
      </c>
      <c r="Z124" s="81">
        <v>3.006042364766669E-2</v>
      </c>
      <c r="AA124" s="170">
        <v>0.32015440915641791</v>
      </c>
      <c r="AB124" s="89">
        <v>8.2964064833803784E-3</v>
      </c>
      <c r="AC124" s="169">
        <v>0.21623776700014877</v>
      </c>
      <c r="AD124" s="89">
        <v>7.3216320227927588E-3</v>
      </c>
      <c r="AE124" s="169">
        <v>0.34397079789181911</v>
      </c>
      <c r="AF124" s="89">
        <v>8.4473778100156386E-3</v>
      </c>
      <c r="AG124" s="88">
        <v>0.11963702595163563</v>
      </c>
      <c r="AH124" s="89">
        <v>5.7734704206014557E-3</v>
      </c>
    </row>
    <row r="125" spans="1:34">
      <c r="A125" s="44" t="s">
        <v>351</v>
      </c>
      <c r="B125" s="168">
        <v>8843</v>
      </c>
      <c r="C125" s="164">
        <v>3.2124908083789454</v>
      </c>
      <c r="D125" s="82">
        <v>3.8363003004730611E-2</v>
      </c>
      <c r="E125" s="172">
        <v>0.53095192952762793</v>
      </c>
      <c r="F125" s="92">
        <v>1.0611310330756832E-2</v>
      </c>
      <c r="G125" s="171">
        <v>0.1800685870428696</v>
      </c>
      <c r="H125" s="92">
        <v>8.1728923267226986E-3</v>
      </c>
      <c r="I125" s="171">
        <v>0.19505282949331718</v>
      </c>
      <c r="J125" s="92">
        <v>8.4276800677694375E-3</v>
      </c>
      <c r="K125" s="91">
        <v>9.392665393618771E-2</v>
      </c>
      <c r="L125" s="92">
        <v>6.2085205488478408E-3</v>
      </c>
      <c r="M125" s="168">
        <v>10167</v>
      </c>
      <c r="N125" s="164">
        <v>4.2642339328417718</v>
      </c>
      <c r="O125" s="82">
        <v>4.1164911193939904E-2</v>
      </c>
      <c r="P125" s="172">
        <v>0.3051613242877792</v>
      </c>
      <c r="Q125" s="92">
        <v>9.132411585747565E-3</v>
      </c>
      <c r="R125" s="171">
        <v>0.1551825020099766</v>
      </c>
      <c r="S125" s="92">
        <v>7.1829990453528506E-3</v>
      </c>
      <c r="T125" s="171">
        <v>0.39409960450788062</v>
      </c>
      <c r="U125" s="92">
        <v>9.6908039136822926E-3</v>
      </c>
      <c r="V125" s="91">
        <v>0.14555656919436291</v>
      </c>
      <c r="W125" s="92">
        <v>6.9964568000390956E-3</v>
      </c>
      <c r="X125" s="168">
        <v>8860</v>
      </c>
      <c r="Y125" s="164">
        <v>3.9392030712344388</v>
      </c>
      <c r="Z125" s="82">
        <v>3.5301255594685318E-2</v>
      </c>
      <c r="AA125" s="172">
        <v>0.33611635361931547</v>
      </c>
      <c r="AB125" s="92">
        <v>1.0035280384670728E-2</v>
      </c>
      <c r="AC125" s="171">
        <v>0.22551111145911626</v>
      </c>
      <c r="AD125" s="92">
        <v>8.8795549367867554E-3</v>
      </c>
      <c r="AE125" s="171">
        <v>0.30451770882129348</v>
      </c>
      <c r="AF125" s="92">
        <v>9.7768688052502807E-3</v>
      </c>
      <c r="AG125" s="91">
        <v>0.1338548261002768</v>
      </c>
      <c r="AH125" s="92">
        <v>7.2369227002307725E-3</v>
      </c>
    </row>
    <row r="126" spans="1:34">
      <c r="A126" s="40" t="s">
        <v>352</v>
      </c>
      <c r="B126" s="167">
        <v>3701</v>
      </c>
      <c r="C126" s="162">
        <v>3.1938173255393223</v>
      </c>
      <c r="D126" s="81">
        <v>5.4962690047433468E-2</v>
      </c>
      <c r="E126" s="170">
        <v>0.54953826598148137</v>
      </c>
      <c r="F126" s="89">
        <v>1.634814408660501E-2</v>
      </c>
      <c r="G126" s="169">
        <v>0.19664662445651993</v>
      </c>
      <c r="H126" s="89">
        <v>1.3067883512336344E-2</v>
      </c>
      <c r="I126" s="169">
        <v>0.16928848305618316</v>
      </c>
      <c r="J126" s="89">
        <v>1.2332151755394649E-2</v>
      </c>
      <c r="K126" s="88">
        <v>8.4526626505818131E-2</v>
      </c>
      <c r="L126" s="89">
        <v>9.1621706207656636E-3</v>
      </c>
      <c r="M126" s="167">
        <v>3701</v>
      </c>
      <c r="N126" s="162">
        <v>4.1940876797281677</v>
      </c>
      <c r="O126" s="81">
        <v>6.3343293074124188E-2</v>
      </c>
      <c r="P126" s="170">
        <v>0.31148540377649131</v>
      </c>
      <c r="Q126" s="89">
        <v>1.5219099452797338E-2</v>
      </c>
      <c r="R126" s="169">
        <v>0.18212800746102167</v>
      </c>
      <c r="S126" s="89">
        <v>1.2690670667667259E-2</v>
      </c>
      <c r="T126" s="169">
        <v>0.3804653617017546</v>
      </c>
      <c r="U126" s="89">
        <v>1.5953451384760974E-2</v>
      </c>
      <c r="V126" s="88">
        <v>0.12592122706073255</v>
      </c>
      <c r="W126" s="89">
        <v>1.0915801530190013E-2</v>
      </c>
      <c r="X126" s="167">
        <v>3786</v>
      </c>
      <c r="Y126" s="162">
        <v>4.1849847042447967</v>
      </c>
      <c r="Z126" s="81">
        <v>5.6530235627231418E-2</v>
      </c>
      <c r="AA126" s="170">
        <v>0.30777769801184185</v>
      </c>
      <c r="AB126" s="89">
        <v>1.4997925589034594E-2</v>
      </c>
      <c r="AC126" s="169">
        <v>0.20904732062442041</v>
      </c>
      <c r="AD126" s="89">
        <v>1.3217288275458684E-2</v>
      </c>
      <c r="AE126" s="169">
        <v>0.37456227678848397</v>
      </c>
      <c r="AF126" s="89">
        <v>1.5725165049146072E-2</v>
      </c>
      <c r="AG126" s="88">
        <v>0.1086127045752539</v>
      </c>
      <c r="AH126" s="89">
        <v>1.0125292030321332E-2</v>
      </c>
    </row>
    <row r="127" spans="1:34">
      <c r="A127" s="44" t="s">
        <v>555</v>
      </c>
      <c r="B127" s="168">
        <v>3241</v>
      </c>
      <c r="C127" s="164">
        <v>3.2308324522166783</v>
      </c>
      <c r="D127" s="82">
        <v>6.3038413487955927E-2</v>
      </c>
      <c r="E127" s="172">
        <v>0.53471775736678406</v>
      </c>
      <c r="F127" s="92">
        <v>1.7512404479286345E-2</v>
      </c>
      <c r="G127" s="171">
        <v>0.20004602033284974</v>
      </c>
      <c r="H127" s="92">
        <v>1.4054671376875532E-2</v>
      </c>
      <c r="I127" s="171">
        <v>0.17710314065836394</v>
      </c>
      <c r="J127" s="92">
        <v>1.3415006711619574E-2</v>
      </c>
      <c r="K127" s="91">
        <v>8.8133081642013347E-2</v>
      </c>
      <c r="L127" s="92">
        <v>9.9789355153745325E-3</v>
      </c>
      <c r="M127" s="168">
        <v>3602</v>
      </c>
      <c r="N127" s="164">
        <v>4.247126137273181</v>
      </c>
      <c r="O127" s="82">
        <v>6.8282979393644458E-2</v>
      </c>
      <c r="P127" s="172">
        <v>0.30818043487997476</v>
      </c>
      <c r="Q127" s="92">
        <v>1.5381516780649033E-2</v>
      </c>
      <c r="R127" s="171">
        <v>0.17272780320686368</v>
      </c>
      <c r="S127" s="92">
        <v>1.2600363460380981E-2</v>
      </c>
      <c r="T127" s="171">
        <v>0.38949752908662683</v>
      </c>
      <c r="U127" s="92">
        <v>1.6241940835258633E-2</v>
      </c>
      <c r="V127" s="91">
        <v>0.12959423282655147</v>
      </c>
      <c r="W127" s="92">
        <v>1.1200971620660988E-2</v>
      </c>
      <c r="X127" s="168">
        <v>3255</v>
      </c>
      <c r="Y127" s="164">
        <v>4.1240749072253085</v>
      </c>
      <c r="Z127" s="82">
        <v>5.7419229750191751E-2</v>
      </c>
      <c r="AA127" s="172">
        <v>0.3001447753969278</v>
      </c>
      <c r="AB127" s="92">
        <v>1.6060482360552644E-2</v>
      </c>
      <c r="AC127" s="171">
        <v>0.23620372119376243</v>
      </c>
      <c r="AD127" s="92">
        <v>1.4887622002581223E-2</v>
      </c>
      <c r="AE127" s="171">
        <v>0.35197195551447763</v>
      </c>
      <c r="AF127" s="92">
        <v>1.6733620599528001E-2</v>
      </c>
      <c r="AG127" s="91">
        <v>0.1116795478948476</v>
      </c>
      <c r="AH127" s="92">
        <v>1.1055227283743467E-2</v>
      </c>
    </row>
    <row r="128" spans="1:34">
      <c r="A128" s="40" t="s">
        <v>556</v>
      </c>
      <c r="B128" s="167">
        <v>2592</v>
      </c>
      <c r="C128" s="162">
        <v>3.2271899803106248</v>
      </c>
      <c r="D128" s="81">
        <v>7.1360535562123073E-2</v>
      </c>
      <c r="E128" s="170">
        <v>0.52562633522042201</v>
      </c>
      <c r="F128" s="89">
        <v>1.9601001245642503E-2</v>
      </c>
      <c r="G128" s="169">
        <v>0.18382759447103184</v>
      </c>
      <c r="H128" s="89">
        <v>1.522015284580642E-2</v>
      </c>
      <c r="I128" s="169">
        <v>0.1923055203817427</v>
      </c>
      <c r="J128" s="89">
        <v>1.5484752763947562E-2</v>
      </c>
      <c r="K128" s="88">
        <v>9.8240549926801576E-2</v>
      </c>
      <c r="L128" s="89">
        <v>1.1716106049461413E-2</v>
      </c>
      <c r="M128" s="167">
        <v>2955</v>
      </c>
      <c r="N128" s="162">
        <v>4.2961973314325226</v>
      </c>
      <c r="O128" s="81">
        <v>7.6137893243968011E-2</v>
      </c>
      <c r="P128" s="170">
        <v>0.29767485088029011</v>
      </c>
      <c r="Q128" s="89">
        <v>1.6815606657408378E-2</v>
      </c>
      <c r="R128" s="169">
        <v>0.1572956458903752</v>
      </c>
      <c r="S128" s="89">
        <v>1.3402094669213519E-2</v>
      </c>
      <c r="T128" s="169">
        <v>0.39692426648377965</v>
      </c>
      <c r="U128" s="89">
        <v>1.798967442952144E-2</v>
      </c>
      <c r="V128" s="88">
        <v>0.14810523674555143</v>
      </c>
      <c r="W128" s="89">
        <v>1.3077078687614079E-2</v>
      </c>
      <c r="X128" s="167">
        <v>2597</v>
      </c>
      <c r="Y128" s="162">
        <v>3.9289494939411505</v>
      </c>
      <c r="Z128" s="81">
        <v>6.3235086904549875E-2</v>
      </c>
      <c r="AA128" s="170">
        <v>0.32528548015575454</v>
      </c>
      <c r="AB128" s="89">
        <v>1.837574634038882E-2</v>
      </c>
      <c r="AC128" s="169">
        <v>0.24366883265025563</v>
      </c>
      <c r="AD128" s="89">
        <v>1.684432513349509E-2</v>
      </c>
      <c r="AE128" s="169">
        <v>0.30236688303035164</v>
      </c>
      <c r="AF128" s="89">
        <v>1.8016234021091142E-2</v>
      </c>
      <c r="AG128" s="88">
        <v>0.12867880416363539</v>
      </c>
      <c r="AH128" s="89">
        <v>1.3155931981043549E-2</v>
      </c>
    </row>
    <row r="129" spans="1:34">
      <c r="A129" s="44" t="s">
        <v>536</v>
      </c>
      <c r="B129" s="168">
        <v>282</v>
      </c>
      <c r="C129" s="164">
        <v>2.8660310045839155</v>
      </c>
      <c r="D129" s="82">
        <v>0.20203756934840872</v>
      </c>
      <c r="E129" s="172">
        <v>0.63511557843333077</v>
      </c>
      <c r="F129" s="92">
        <v>5.6993543110524535E-2</v>
      </c>
      <c r="G129" s="171">
        <v>0.15807130126531477</v>
      </c>
      <c r="H129" s="92">
        <v>4.3666288797766226E-2</v>
      </c>
      <c r="I129" s="171">
        <v>0.15456796109311108</v>
      </c>
      <c r="J129" s="92">
        <v>4.3289734621817191E-2</v>
      </c>
      <c r="K129" s="91">
        <v>5.2245159208244039E-2</v>
      </c>
      <c r="L129" s="92">
        <v>2.7756267168894386E-2</v>
      </c>
      <c r="M129" s="168">
        <v>329</v>
      </c>
      <c r="N129" s="164">
        <v>3.9578429939127311</v>
      </c>
      <c r="O129" s="82">
        <v>0.22115867276197981</v>
      </c>
      <c r="P129" s="172">
        <v>0.37945868614096684</v>
      </c>
      <c r="Q129" s="92">
        <v>5.3222493967332078E-2</v>
      </c>
      <c r="R129" s="171">
        <v>0.17354173443242402</v>
      </c>
      <c r="S129" s="92">
        <v>4.1873538146598999E-2</v>
      </c>
      <c r="T129" s="171">
        <v>0.33255435339067135</v>
      </c>
      <c r="U129" s="92">
        <v>5.1713172504488883E-2</v>
      </c>
      <c r="V129" s="91">
        <v>0.11444522603593998</v>
      </c>
      <c r="W129" s="92">
        <v>3.5496867565547797E-2</v>
      </c>
      <c r="X129" s="168">
        <v>285</v>
      </c>
      <c r="Y129" s="164">
        <v>3.8327231774187069</v>
      </c>
      <c r="Z129" s="82">
        <v>0.19434631924293985</v>
      </c>
      <c r="AA129" s="172">
        <v>0.36819255098156467</v>
      </c>
      <c r="AB129" s="92">
        <v>5.6801041385554869E-2</v>
      </c>
      <c r="AC129" s="171">
        <v>0.2121974506727618</v>
      </c>
      <c r="AD129" s="92">
        <v>4.8428123231104507E-2</v>
      </c>
      <c r="AE129" s="171">
        <v>0.27983742221433905</v>
      </c>
      <c r="AF129" s="92">
        <v>5.2988335468998421E-2</v>
      </c>
      <c r="AG129" s="91">
        <v>0.13977257613133476</v>
      </c>
      <c r="AH129" s="92">
        <v>4.1394953447444871E-2</v>
      </c>
    </row>
    <row r="130" spans="1:34">
      <c r="A130" s="40" t="s">
        <v>537</v>
      </c>
      <c r="B130" s="167">
        <v>144</v>
      </c>
      <c r="C130" s="162">
        <v>2.6354853434154255</v>
      </c>
      <c r="D130" s="81">
        <v>0.25103895433169099</v>
      </c>
      <c r="E130" s="170">
        <v>0.73299764444794335</v>
      </c>
      <c r="F130" s="89">
        <v>7.3264962264274522E-2</v>
      </c>
      <c r="G130" s="169">
        <v>0.12084953796597608</v>
      </c>
      <c r="H130" s="89">
        <v>5.5485684606302953E-2</v>
      </c>
      <c r="I130" s="169">
        <v>0.11495875263770435</v>
      </c>
      <c r="J130" s="89">
        <v>5.4437869669398328E-2</v>
      </c>
      <c r="K130" s="88">
        <v>3.1194064948375812E-2</v>
      </c>
      <c r="L130" s="89">
        <v>3.366785364247523E-2</v>
      </c>
      <c r="M130" s="167">
        <v>162</v>
      </c>
      <c r="N130" s="162">
        <v>3.8026600178539951</v>
      </c>
      <c r="O130" s="81">
        <v>0.30473911474826126</v>
      </c>
      <c r="P130" s="170">
        <v>0.39985563145583675</v>
      </c>
      <c r="Q130" s="89">
        <v>7.6117949458140405E-2</v>
      </c>
      <c r="R130" s="169">
        <v>0.18396405214299705</v>
      </c>
      <c r="S130" s="89">
        <v>6.1089844719771198E-2</v>
      </c>
      <c r="T130" s="169">
        <v>0.29167183157740334</v>
      </c>
      <c r="U130" s="89">
        <v>7.0909032290722818E-2</v>
      </c>
      <c r="V130" s="88">
        <v>0.12450848482376173</v>
      </c>
      <c r="W130" s="89">
        <v>5.2805426342039441E-2</v>
      </c>
      <c r="X130" s="167">
        <v>145</v>
      </c>
      <c r="Y130" s="162">
        <v>4.0090865416024712</v>
      </c>
      <c r="Z130" s="81">
        <v>0.27305886228465975</v>
      </c>
      <c r="AA130" s="170">
        <v>0.3159946961293234</v>
      </c>
      <c r="AB130" s="89">
        <v>7.6489333156172026E-2</v>
      </c>
      <c r="AC130" s="169">
        <v>0.22245278962844858</v>
      </c>
      <c r="AD130" s="89">
        <v>6.8941761301658397E-2</v>
      </c>
      <c r="AE130" s="169">
        <v>0.32840033839369881</v>
      </c>
      <c r="AF130" s="89">
        <v>7.7219003737860809E-2</v>
      </c>
      <c r="AG130" s="88">
        <v>0.1331521758485284</v>
      </c>
      <c r="AH130" s="89">
        <v>5.7358244022919613E-2</v>
      </c>
    </row>
    <row r="131" spans="1:34">
      <c r="A131" s="44" t="s">
        <v>538</v>
      </c>
      <c r="B131" s="168">
        <v>70</v>
      </c>
      <c r="C131" s="164">
        <v>3.5267536484494344</v>
      </c>
      <c r="D131" s="82">
        <v>0.42584942270331183</v>
      </c>
      <c r="E131" s="172">
        <v>0.47789405900426202</v>
      </c>
      <c r="F131" s="92">
        <v>0.11614593081313458</v>
      </c>
      <c r="G131" s="171">
        <v>0.20685379508633317</v>
      </c>
      <c r="H131" s="92">
        <v>9.6731574153162553E-2</v>
      </c>
      <c r="I131" s="171">
        <v>0.27719006522159395</v>
      </c>
      <c r="J131" s="92">
        <v>0.10541491460935443</v>
      </c>
      <c r="K131" s="91">
        <v>3.8062080687810383E-2</v>
      </c>
      <c r="L131" s="92">
        <v>5.6500994012652801E-2</v>
      </c>
      <c r="M131" s="168">
        <v>89</v>
      </c>
      <c r="N131" s="164">
        <v>4.5208030256319569</v>
      </c>
      <c r="O131" s="82">
        <v>0.40126718149487051</v>
      </c>
      <c r="P131" s="172">
        <v>0.30342545209499971</v>
      </c>
      <c r="Q131" s="92">
        <v>9.6075903616647473E-2</v>
      </c>
      <c r="R131" s="171">
        <v>0.13236342986860916</v>
      </c>
      <c r="S131" s="92">
        <v>7.3680420345385342E-2</v>
      </c>
      <c r="T131" s="171">
        <v>0.47048103929836915</v>
      </c>
      <c r="U131" s="92">
        <v>0.10352953460862881</v>
      </c>
      <c r="V131" s="91">
        <v>9.373007873802168E-2</v>
      </c>
      <c r="W131" s="92">
        <v>6.5200340474823634E-2</v>
      </c>
      <c r="X131" s="168">
        <v>72</v>
      </c>
      <c r="Y131" s="164">
        <v>3.3807650864199505</v>
      </c>
      <c r="Z131" s="82">
        <v>0.36039709784150648</v>
      </c>
      <c r="AA131" s="172">
        <v>0.47628216270786261</v>
      </c>
      <c r="AB131" s="92">
        <v>0.11459198103169591</v>
      </c>
      <c r="AC131" s="171">
        <v>0.18983730139313931</v>
      </c>
      <c r="AD131" s="92">
        <v>9.2809659885000617E-2</v>
      </c>
      <c r="AE131" s="171">
        <v>0.15957600596213603</v>
      </c>
      <c r="AF131" s="92">
        <v>8.7656408341216546E-2</v>
      </c>
      <c r="AG131" s="91">
        <v>0.17430452993686163</v>
      </c>
      <c r="AH131" s="92">
        <v>9.0261221475101155E-2</v>
      </c>
    </row>
    <row r="132" spans="1:34">
      <c r="A132" s="40" t="s">
        <v>539</v>
      </c>
      <c r="B132" s="167">
        <v>199</v>
      </c>
      <c r="C132" s="162">
        <v>3.1727305913892314</v>
      </c>
      <c r="D132" s="81">
        <v>0.25775736911382319</v>
      </c>
      <c r="E132" s="170">
        <v>0.54397851030844269</v>
      </c>
      <c r="F132" s="89">
        <v>6.9924852096799286E-2</v>
      </c>
      <c r="G132" s="169">
        <v>0.1961562378864615</v>
      </c>
      <c r="H132" s="89">
        <v>5.637338408578188E-2</v>
      </c>
      <c r="I132" s="169">
        <v>0.19655965269619599</v>
      </c>
      <c r="J132" s="89">
        <v>5.6414514139944479E-2</v>
      </c>
      <c r="K132" s="88">
        <v>6.3305599108898811E-2</v>
      </c>
      <c r="L132" s="89">
        <v>3.6263759303534211E-2</v>
      </c>
      <c r="M132" s="167">
        <v>243</v>
      </c>
      <c r="N132" s="162">
        <v>4.2355194247138632</v>
      </c>
      <c r="O132" s="81">
        <v>0.25260983175538798</v>
      </c>
      <c r="P132" s="170">
        <v>0.33918543606058721</v>
      </c>
      <c r="Q132" s="89">
        <v>6.0359182317464947E-2</v>
      </c>
      <c r="R132" s="169">
        <v>0.1118764080839922</v>
      </c>
      <c r="S132" s="89">
        <v>4.1078496388958545E-2</v>
      </c>
      <c r="T132" s="169">
        <v>0.44124162968751229</v>
      </c>
      <c r="U132" s="89">
        <v>6.3201800289639648E-2</v>
      </c>
      <c r="V132" s="88">
        <v>0.10769652616790613</v>
      </c>
      <c r="W132" s="89">
        <v>4.0451360966396226E-2</v>
      </c>
      <c r="X132" s="167">
        <v>198</v>
      </c>
      <c r="Y132" s="162">
        <v>3.5321568641677112</v>
      </c>
      <c r="Z132" s="81">
        <v>0.22276362126431043</v>
      </c>
      <c r="AA132" s="170">
        <v>0.43143149107499129</v>
      </c>
      <c r="AB132" s="89">
        <v>6.9721187251644084E-2</v>
      </c>
      <c r="AC132" s="169">
        <v>0.23912313223626921</v>
      </c>
      <c r="AD132" s="89">
        <v>6.0462227797236492E-2</v>
      </c>
      <c r="AE132" s="169">
        <v>0.23871549469316133</v>
      </c>
      <c r="AF132" s="89">
        <v>6.0428729605537003E-2</v>
      </c>
      <c r="AG132" s="88">
        <v>9.0729881995577161E-2</v>
      </c>
      <c r="AH132" s="89">
        <v>4.1996235951032336E-2</v>
      </c>
    </row>
    <row r="133" spans="1:34">
      <c r="A133" s="44" t="s">
        <v>540</v>
      </c>
      <c r="B133" s="168">
        <v>68</v>
      </c>
      <c r="C133" s="164">
        <v>3.0829936794851185</v>
      </c>
      <c r="D133" s="82">
        <v>0.45854416218270361</v>
      </c>
      <c r="E133" s="172">
        <v>0.57649474397587941</v>
      </c>
      <c r="F133" s="92">
        <v>0.11661442991915477</v>
      </c>
      <c r="G133" s="171">
        <v>0.20571904751944595</v>
      </c>
      <c r="H133" s="92">
        <v>9.7966490144320947E-2</v>
      </c>
      <c r="I133" s="171">
        <v>0.19380503988954131</v>
      </c>
      <c r="J133" s="92">
        <v>9.6140100183256263E-2</v>
      </c>
      <c r="K133" s="91">
        <v>2.3981168615133153E-2</v>
      </c>
      <c r="L133" s="92">
        <v>5.1577240504331406E-2</v>
      </c>
      <c r="M133" s="168">
        <v>82</v>
      </c>
      <c r="N133" s="164">
        <v>3.998396498799059</v>
      </c>
      <c r="O133" s="82">
        <v>0.44941811563318163</v>
      </c>
      <c r="P133" s="172">
        <v>0.35659269223454798</v>
      </c>
      <c r="Q133" s="92">
        <v>0.10372211040535928</v>
      </c>
      <c r="R133" s="171">
        <v>0.10519903798213884</v>
      </c>
      <c r="S133" s="92">
        <v>7.0971444260997829E-2</v>
      </c>
      <c r="T133" s="171">
        <v>0.44768399192881042</v>
      </c>
      <c r="U133" s="92">
        <v>0.10729479401856373</v>
      </c>
      <c r="V133" s="91">
        <v>9.0524277854502719E-2</v>
      </c>
      <c r="W133" s="92">
        <v>6.7363695220561667E-2</v>
      </c>
      <c r="X133" s="168">
        <v>68</v>
      </c>
      <c r="Y133" s="164">
        <v>3.4292197960720254</v>
      </c>
      <c r="Z133" s="82">
        <v>0.383156314641455</v>
      </c>
      <c r="AA133" s="172">
        <v>0.49786760259138435</v>
      </c>
      <c r="AB133" s="92">
        <v>0.11785017420493106</v>
      </c>
      <c r="AC133" s="171">
        <v>0.15830387700971396</v>
      </c>
      <c r="AD133" s="92">
        <v>9.0017379918773427E-2</v>
      </c>
      <c r="AE133" s="171">
        <v>0.25913717585665286</v>
      </c>
      <c r="AF133" s="92">
        <v>0.10494764345938948</v>
      </c>
      <c r="AG133" s="91">
        <v>8.4691344542248623E-2</v>
      </c>
      <c r="AH133" s="92">
        <v>7.3087070471949941E-2</v>
      </c>
    </row>
    <row r="134" spans="1:34">
      <c r="A134" s="40" t="s">
        <v>541</v>
      </c>
      <c r="B134" s="167">
        <v>71</v>
      </c>
      <c r="C134" s="162">
        <v>3.2860803137105301</v>
      </c>
      <c r="D134" s="81">
        <v>0.44272018224078474</v>
      </c>
      <c r="E134" s="170">
        <v>0.4951860141606752</v>
      </c>
      <c r="F134" s="89">
        <v>0.11546525747351934</v>
      </c>
      <c r="G134" s="169">
        <v>0.17446109131338908</v>
      </c>
      <c r="H134" s="89">
        <v>9.0929141426055252E-2</v>
      </c>
      <c r="I134" s="169">
        <v>0.2278780097642884</v>
      </c>
      <c r="J134" s="89">
        <v>9.8964693282901292E-2</v>
      </c>
      <c r="K134" s="88">
        <v>0.10247488476164733</v>
      </c>
      <c r="L134" s="89">
        <v>7.6028210833789689E-2</v>
      </c>
      <c r="M134" s="167">
        <v>90</v>
      </c>
      <c r="N134" s="162">
        <v>4.3635368814204867</v>
      </c>
      <c r="O134" s="81">
        <v>0.40972872769414054</v>
      </c>
      <c r="P134" s="170">
        <v>0.37441929920274775</v>
      </c>
      <c r="Q134" s="89">
        <v>0.10011548693531232</v>
      </c>
      <c r="R134" s="169">
        <v>9.0650853748653989E-2</v>
      </c>
      <c r="S134" s="89">
        <v>6.4044814338918274E-2</v>
      </c>
      <c r="T134" s="169">
        <v>0.4326988523625816</v>
      </c>
      <c r="U134" s="89">
        <v>0.10228201280313932</v>
      </c>
      <c r="V134" s="88">
        <v>0.10223099468601678</v>
      </c>
      <c r="W134" s="89">
        <v>6.6830641708629804E-2</v>
      </c>
      <c r="X134" s="167">
        <v>70</v>
      </c>
      <c r="Y134" s="162">
        <v>4.0021453445650428</v>
      </c>
      <c r="Z134" s="81">
        <v>0.35765917190338925</v>
      </c>
      <c r="AA134" s="170">
        <v>0.27912250586091836</v>
      </c>
      <c r="AB134" s="89">
        <v>0.10561143495164019</v>
      </c>
      <c r="AC134" s="169">
        <v>0.29470590538590907</v>
      </c>
      <c r="AD134" s="89">
        <v>0.10712142136509817</v>
      </c>
      <c r="AE134" s="169">
        <v>0.28901247456057727</v>
      </c>
      <c r="AF134" s="89">
        <v>0.10658500178593587</v>
      </c>
      <c r="AG134" s="88">
        <v>0.13715911419259524</v>
      </c>
      <c r="AH134" s="89">
        <v>8.4531981064529721E-2</v>
      </c>
    </row>
    <row r="135" spans="1:34">
      <c r="A135" s="44" t="s">
        <v>542</v>
      </c>
      <c r="B135" s="168">
        <v>60</v>
      </c>
      <c r="C135" s="164">
        <v>3.1510117258599792</v>
      </c>
      <c r="D135" s="82">
        <v>0.4335893176238485</v>
      </c>
      <c r="E135" s="172">
        <v>0.56367693880543468</v>
      </c>
      <c r="F135" s="92">
        <v>0.12410586525579444</v>
      </c>
      <c r="G135" s="171">
        <v>0.21003223073124416</v>
      </c>
      <c r="H135" s="92">
        <v>0.10491079948604895</v>
      </c>
      <c r="I135" s="171">
        <v>0.16497766564540492</v>
      </c>
      <c r="J135" s="92">
        <v>9.7259830379361895E-2</v>
      </c>
      <c r="K135" s="91">
        <v>6.1313164817915405E-2</v>
      </c>
      <c r="L135" s="92">
        <v>7.1088802443802029E-2</v>
      </c>
      <c r="M135" s="168">
        <v>71</v>
      </c>
      <c r="N135" s="164">
        <v>4.3477024553160941</v>
      </c>
      <c r="O135" s="82">
        <v>0.45911208957346455</v>
      </c>
      <c r="P135" s="172">
        <v>0.2815318899634634</v>
      </c>
      <c r="Q135" s="92">
        <v>0.10512898607811214</v>
      </c>
      <c r="R135" s="171">
        <v>0.1426168808870662</v>
      </c>
      <c r="S135" s="92">
        <v>8.5021647462883002E-2</v>
      </c>
      <c r="T135" s="171">
        <v>0.44404778211520635</v>
      </c>
      <c r="U135" s="92">
        <v>0.11482029563336922</v>
      </c>
      <c r="V135" s="91">
        <v>0.13180344703426358</v>
      </c>
      <c r="W135" s="92">
        <v>8.2786904680934054E-2</v>
      </c>
      <c r="X135" s="168">
        <v>60</v>
      </c>
      <c r="Y135" s="164">
        <v>3.1682675024221694</v>
      </c>
      <c r="Z135" s="82">
        <v>0.39522323160515815</v>
      </c>
      <c r="AA135" s="172">
        <v>0.52935590796638565</v>
      </c>
      <c r="AB135" s="92">
        <v>0.12481050275006413</v>
      </c>
      <c r="AC135" s="171">
        <v>0.26252748834825579</v>
      </c>
      <c r="AD135" s="92">
        <v>0.1119251059638606</v>
      </c>
      <c r="AE135" s="171">
        <v>0.16209580510578142</v>
      </c>
      <c r="AF135" s="92">
        <v>9.6710634114507463E-2</v>
      </c>
      <c r="AG135" s="91">
        <v>4.6020798579576382E-2</v>
      </c>
      <c r="AH135" s="92">
        <v>6.5602952123092986E-2</v>
      </c>
    </row>
    <row r="136" spans="1:34">
      <c r="A136" s="40" t="s">
        <v>543</v>
      </c>
      <c r="B136" s="167">
        <v>456</v>
      </c>
      <c r="C136" s="162">
        <v>3.3509129875741346</v>
      </c>
      <c r="D136" s="81">
        <v>0.16222228684328635</v>
      </c>
      <c r="E136" s="170">
        <v>0.49139396013057779</v>
      </c>
      <c r="F136" s="89">
        <v>4.6618453012372697E-2</v>
      </c>
      <c r="G136" s="169">
        <v>0.1837506949644481</v>
      </c>
      <c r="H136" s="89">
        <v>3.6322011765913986E-2</v>
      </c>
      <c r="I136" s="169">
        <v>0.2010836751820721</v>
      </c>
      <c r="J136" s="89">
        <v>3.7555316238069215E-2</v>
      </c>
      <c r="K136" s="88">
        <v>0.12377166972290364</v>
      </c>
      <c r="L136" s="89">
        <v>3.1054403953739741E-2</v>
      </c>
      <c r="M136" s="167">
        <v>473</v>
      </c>
      <c r="N136" s="162">
        <v>4.4691703826672677</v>
      </c>
      <c r="O136" s="81">
        <v>0.18936189714991844</v>
      </c>
      <c r="P136" s="170">
        <v>0.24432044365733849</v>
      </c>
      <c r="Q136" s="89">
        <v>3.9463886715884487E-2</v>
      </c>
      <c r="R136" s="169">
        <v>0.15268215303371127</v>
      </c>
      <c r="S136" s="89">
        <v>3.3192781642550885E-2</v>
      </c>
      <c r="T136" s="169">
        <v>0.39618991292461908</v>
      </c>
      <c r="U136" s="89">
        <v>4.480598254142068E-2</v>
      </c>
      <c r="V136" s="88">
        <v>0.20680749038433258</v>
      </c>
      <c r="W136" s="89">
        <v>3.7250786497948669E-2</v>
      </c>
      <c r="X136" s="167">
        <v>459</v>
      </c>
      <c r="Y136" s="162">
        <v>4.1656950926214238</v>
      </c>
      <c r="Z136" s="81">
        <v>0.15467708581809927</v>
      </c>
      <c r="AA136" s="170">
        <v>0.26758561881765286</v>
      </c>
      <c r="AB136" s="89">
        <v>4.1245496200728211E-2</v>
      </c>
      <c r="AC136" s="169">
        <v>0.2646999914161296</v>
      </c>
      <c r="AD136" s="89">
        <v>4.110634400418145E-2</v>
      </c>
      <c r="AE136" s="169">
        <v>0.33157630068046923</v>
      </c>
      <c r="AF136" s="89">
        <v>4.3806118583922513E-2</v>
      </c>
      <c r="AG136" s="88">
        <v>0.13613808908574895</v>
      </c>
      <c r="AH136" s="89">
        <v>3.2182288457395521E-2</v>
      </c>
    </row>
    <row r="137" spans="1:34">
      <c r="A137" s="44" t="s">
        <v>616</v>
      </c>
      <c r="B137" s="168">
        <v>227</v>
      </c>
      <c r="C137" s="164">
        <v>3.3442947126307647</v>
      </c>
      <c r="D137" s="82">
        <v>0.22182097117693775</v>
      </c>
      <c r="E137" s="172">
        <v>0.47837482260501935</v>
      </c>
      <c r="F137" s="92">
        <v>6.573571737195448E-2</v>
      </c>
      <c r="G137" s="171">
        <v>0.21619549410746008</v>
      </c>
      <c r="H137" s="92">
        <v>5.4609243720519993E-2</v>
      </c>
      <c r="I137" s="171">
        <v>0.18856993812416398</v>
      </c>
      <c r="J137" s="92">
        <v>5.2030818454079218E-2</v>
      </c>
      <c r="K137" s="91">
        <v>0.11685974516335419</v>
      </c>
      <c r="L137" s="92">
        <v>4.3293699276588861E-2</v>
      </c>
      <c r="M137" s="168">
        <v>243</v>
      </c>
      <c r="N137" s="164">
        <v>4.2374884103366925</v>
      </c>
      <c r="O137" s="82">
        <v>0.26909192830621548</v>
      </c>
      <c r="P137" s="172">
        <v>0.29854015188065408</v>
      </c>
      <c r="Q137" s="92">
        <v>5.841604435968608E-2</v>
      </c>
      <c r="R137" s="171">
        <v>0.17760117379608664</v>
      </c>
      <c r="S137" s="92">
        <v>4.9187445798531793E-2</v>
      </c>
      <c r="T137" s="171">
        <v>0.35282841865496839</v>
      </c>
      <c r="U137" s="92">
        <v>6.090230668407666E-2</v>
      </c>
      <c r="V137" s="91">
        <v>0.17103025566828811</v>
      </c>
      <c r="W137" s="92">
        <v>4.85007053242449E-2</v>
      </c>
      <c r="X137" s="168">
        <v>229</v>
      </c>
      <c r="Y137" s="164">
        <v>3.9073962035031071</v>
      </c>
      <c r="Z137" s="82">
        <v>0.22844217974357478</v>
      </c>
      <c r="AA137" s="172">
        <v>0.34239179621150456</v>
      </c>
      <c r="AB137" s="92">
        <v>6.2288987389699596E-2</v>
      </c>
      <c r="AC137" s="171">
        <v>0.22404733377872954</v>
      </c>
      <c r="AD137" s="92">
        <v>5.5036822810203091E-2</v>
      </c>
      <c r="AE137" s="171">
        <v>0.28537981577868732</v>
      </c>
      <c r="AF137" s="92">
        <v>5.9396987404441604E-2</v>
      </c>
      <c r="AG137" s="91">
        <v>0.14818105423107616</v>
      </c>
      <c r="AH137" s="92">
        <v>4.7320800791447189E-2</v>
      </c>
    </row>
    <row r="138" spans="1:34">
      <c r="A138" s="52" t="s">
        <v>544</v>
      </c>
      <c r="B138" s="167">
        <v>229</v>
      </c>
      <c r="C138" s="162">
        <v>3.3568239052563484</v>
      </c>
      <c r="D138" s="81">
        <v>0.23752131526815681</v>
      </c>
      <c r="E138" s="170">
        <v>0.50285053393264112</v>
      </c>
      <c r="F138" s="89">
        <v>6.5511149796370016E-2</v>
      </c>
      <c r="G138" s="169">
        <v>0.15519993765464377</v>
      </c>
      <c r="H138" s="89">
        <v>4.8169913615964191E-2</v>
      </c>
      <c r="I138" s="169">
        <v>0.21209550694605267</v>
      </c>
      <c r="J138" s="89">
        <v>5.4012007577198713E-2</v>
      </c>
      <c r="K138" s="88">
        <v>0.12985402146666072</v>
      </c>
      <c r="L138" s="89">
        <v>4.4942636704858825E-2</v>
      </c>
      <c r="M138" s="167">
        <v>230</v>
      </c>
      <c r="N138" s="162">
        <v>4.6947996765707183</v>
      </c>
      <c r="O138" s="81">
        <v>0.26280749748294174</v>
      </c>
      <c r="P138" s="170">
        <v>0.1958340772697478</v>
      </c>
      <c r="Q138" s="89">
        <v>5.2398706309466789E-2</v>
      </c>
      <c r="R138" s="169">
        <v>0.13039813841437473</v>
      </c>
      <c r="S138" s="89">
        <v>4.4916793306015029E-2</v>
      </c>
      <c r="T138" s="169">
        <v>0.43496624291909414</v>
      </c>
      <c r="U138" s="89">
        <v>6.4835619774363459E-2</v>
      </c>
      <c r="V138" s="88">
        <v>0.23880154139678156</v>
      </c>
      <c r="W138" s="89">
        <v>5.6096360282530601E-2</v>
      </c>
      <c r="X138" s="167">
        <v>230</v>
      </c>
      <c r="Y138" s="162">
        <v>4.3883400448947683</v>
      </c>
      <c r="Z138" s="81">
        <v>0.20471843097263981</v>
      </c>
      <c r="AA138" s="170">
        <v>0.20138686412472193</v>
      </c>
      <c r="AB138" s="89">
        <v>5.292353450630622E-2</v>
      </c>
      <c r="AC138" s="169">
        <v>0.30067503257329231</v>
      </c>
      <c r="AD138" s="89">
        <v>6.0144591253991436E-2</v>
      </c>
      <c r="AE138" s="169">
        <v>0.37245727974169685</v>
      </c>
      <c r="AF138" s="89">
        <v>6.3283954149316632E-2</v>
      </c>
      <c r="AG138" s="88">
        <v>0.1254808235602872</v>
      </c>
      <c r="AH138" s="89">
        <v>4.4239011248627419E-2</v>
      </c>
    </row>
    <row r="139" spans="1:34">
      <c r="A139" s="44" t="s">
        <v>545</v>
      </c>
      <c r="B139" s="168">
        <v>99</v>
      </c>
      <c r="C139" s="164">
        <v>3.2399564731085682</v>
      </c>
      <c r="D139" s="82">
        <v>0.39687852406049684</v>
      </c>
      <c r="E139" s="172">
        <v>0.51645483966238426</v>
      </c>
      <c r="F139" s="92">
        <v>9.8483621414908754E-2</v>
      </c>
      <c r="G139" s="171">
        <v>0.1439637660545631</v>
      </c>
      <c r="H139" s="92">
        <v>7.1839248963956701E-2</v>
      </c>
      <c r="I139" s="171">
        <v>0.19058155452705244</v>
      </c>
      <c r="J139" s="92">
        <v>7.9207711282937229E-2</v>
      </c>
      <c r="K139" s="91">
        <v>0.14899983975600015</v>
      </c>
      <c r="L139" s="92">
        <v>7.2722934716861629E-2</v>
      </c>
      <c r="M139" s="168">
        <v>111</v>
      </c>
      <c r="N139" s="164">
        <v>4.1813239451718074</v>
      </c>
      <c r="O139" s="82">
        <v>0.422131653080692</v>
      </c>
      <c r="P139" s="172">
        <v>0.32267036450487124</v>
      </c>
      <c r="Q139" s="92">
        <v>8.7616494415846805E-2</v>
      </c>
      <c r="R139" s="171">
        <v>0.12385849904757112</v>
      </c>
      <c r="S139" s="92">
        <v>6.4116377207991099E-2</v>
      </c>
      <c r="T139" s="171">
        <v>0.3547888693899422</v>
      </c>
      <c r="U139" s="92">
        <v>8.9511736004286468E-2</v>
      </c>
      <c r="V139" s="91">
        <v>0.1986822670576151</v>
      </c>
      <c r="W139" s="92">
        <v>7.585197756106303E-2</v>
      </c>
      <c r="X139" s="168">
        <v>100</v>
      </c>
      <c r="Y139" s="164">
        <v>3.7028858406718594</v>
      </c>
      <c r="Z139" s="82">
        <v>0.34423799894405716</v>
      </c>
      <c r="AA139" s="172">
        <v>0.34688539001962143</v>
      </c>
      <c r="AB139" s="92">
        <v>9.3710812666079113E-2</v>
      </c>
      <c r="AC139" s="171">
        <v>0.20310494379365146</v>
      </c>
      <c r="AD139" s="92">
        <v>8.0504047802397699E-2</v>
      </c>
      <c r="AE139" s="171">
        <v>0.24285220263089777</v>
      </c>
      <c r="AF139" s="92">
        <v>8.5229042076388595E-2</v>
      </c>
      <c r="AG139" s="91">
        <v>0.2071574635558292</v>
      </c>
      <c r="AH139" s="92">
        <v>8.1030161268475648E-2</v>
      </c>
    </row>
    <row r="140" spans="1:34">
      <c r="A140" s="52" t="s">
        <v>546</v>
      </c>
      <c r="B140" s="167">
        <v>220</v>
      </c>
      <c r="C140" s="162">
        <v>2.9498374502013647</v>
      </c>
      <c r="D140" s="81">
        <v>0.23152027286503638</v>
      </c>
      <c r="E140" s="170">
        <v>0.58608871610859548</v>
      </c>
      <c r="F140" s="89">
        <v>6.585306395148445E-2</v>
      </c>
      <c r="G140" s="169">
        <v>0.19192801403314771</v>
      </c>
      <c r="H140" s="89">
        <v>5.3192871970954493E-2</v>
      </c>
      <c r="I140" s="169">
        <v>0.15687920703543101</v>
      </c>
      <c r="J140" s="89">
        <v>4.9359340071956824E-2</v>
      </c>
      <c r="K140" s="88">
        <v>6.5104062822826797E-2</v>
      </c>
      <c r="L140" s="89">
        <v>3.4733684712775686E-2</v>
      </c>
      <c r="M140" s="167">
        <v>288</v>
      </c>
      <c r="N140" s="162">
        <v>4.0732277166709476</v>
      </c>
      <c r="O140" s="81">
        <v>0.24301540452983447</v>
      </c>
      <c r="P140" s="170">
        <v>0.38665535201916695</v>
      </c>
      <c r="Q140" s="89">
        <v>5.7039106130556669E-2</v>
      </c>
      <c r="R140" s="169">
        <v>0.11220219699437779</v>
      </c>
      <c r="S140" s="89">
        <v>3.7691036501034093E-2</v>
      </c>
      <c r="T140" s="169">
        <v>0.39449457366667284</v>
      </c>
      <c r="U140" s="89">
        <v>5.7239162509084771E-2</v>
      </c>
      <c r="V140" s="88">
        <v>0.10664787731978563</v>
      </c>
      <c r="W140" s="89">
        <v>3.6916072609259241E-2</v>
      </c>
      <c r="X140" s="167">
        <v>219</v>
      </c>
      <c r="Y140" s="162">
        <v>3.6875641906526879</v>
      </c>
      <c r="Z140" s="81">
        <v>0.21905623067768881</v>
      </c>
      <c r="AA140" s="170">
        <v>0.37446009982956896</v>
      </c>
      <c r="AB140" s="89">
        <v>6.4897304652072871E-2</v>
      </c>
      <c r="AC140" s="169">
        <v>0.27180785861353229</v>
      </c>
      <c r="AD140" s="89">
        <v>5.9862268561690621E-2</v>
      </c>
      <c r="AE140" s="169">
        <v>0.25270205889313807</v>
      </c>
      <c r="AF140" s="89">
        <v>5.8534876903397773E-2</v>
      </c>
      <c r="AG140" s="88">
        <v>0.10102998266376209</v>
      </c>
      <c r="AH140" s="89">
        <v>4.1600728553649088E-2</v>
      </c>
    </row>
    <row r="141" spans="1:34">
      <c r="A141" s="44" t="s">
        <v>557</v>
      </c>
      <c r="B141" s="168">
        <v>87</v>
      </c>
      <c r="C141" s="164">
        <v>3.1646730127406597</v>
      </c>
      <c r="D141" s="82">
        <v>0.3761356306809735</v>
      </c>
      <c r="E141" s="172">
        <v>0.51169239715145098</v>
      </c>
      <c r="F141" s="92">
        <v>0.10480228215645657</v>
      </c>
      <c r="G141" s="171">
        <v>0.24453295096258568</v>
      </c>
      <c r="H141" s="92">
        <v>9.1470990326761897E-2</v>
      </c>
      <c r="I141" s="171">
        <v>0.19735924543491648</v>
      </c>
      <c r="J141" s="92">
        <v>8.5493679557820237E-2</v>
      </c>
      <c r="K141" s="91">
        <v>4.6415406451047796E-2</v>
      </c>
      <c r="L141" s="92">
        <v>5.2183296917482205E-2</v>
      </c>
      <c r="M141" s="168">
        <v>111</v>
      </c>
      <c r="N141" s="164">
        <v>4.0708677708710876</v>
      </c>
      <c r="O141" s="82">
        <v>0.35754205168392861</v>
      </c>
      <c r="P141" s="172">
        <v>0.41430462924009243</v>
      </c>
      <c r="Q141" s="92">
        <v>9.1965642857905178E-2</v>
      </c>
      <c r="R141" s="171">
        <v>8.5564882943772388E-2</v>
      </c>
      <c r="S141" s="92">
        <v>5.594531912991578E-2</v>
      </c>
      <c r="T141" s="171">
        <v>0.46275994141550486</v>
      </c>
      <c r="U141" s="92">
        <v>9.3009204741177659E-2</v>
      </c>
      <c r="V141" s="91">
        <v>3.7370546400631151E-2</v>
      </c>
      <c r="W141" s="92">
        <v>4.1953937311199334E-2</v>
      </c>
      <c r="X141" s="168">
        <v>86</v>
      </c>
      <c r="Y141" s="164">
        <v>3.8261539582896265</v>
      </c>
      <c r="Z141" s="82">
        <v>0.35137658820994577</v>
      </c>
      <c r="AA141" s="172">
        <v>0.38537890540771386</v>
      </c>
      <c r="AB141" s="92">
        <v>0.10284916137193353</v>
      </c>
      <c r="AC141" s="171">
        <v>0.22038190410234662</v>
      </c>
      <c r="AD141" s="92">
        <v>8.9096494488652353E-2</v>
      </c>
      <c r="AE141" s="171">
        <v>0.28734773112598733</v>
      </c>
      <c r="AF141" s="92">
        <v>9.6311838539644257E-2</v>
      </c>
      <c r="AG141" s="91">
        <v>0.10689145936395276</v>
      </c>
      <c r="AH141" s="92">
        <v>6.9569088509685004E-2</v>
      </c>
    </row>
    <row r="142" spans="1:34">
      <c r="A142" s="52" t="s">
        <v>558</v>
      </c>
      <c r="B142" s="167">
        <v>79</v>
      </c>
      <c r="C142" s="162">
        <v>2.9682256187892824</v>
      </c>
      <c r="D142" s="81">
        <v>0.40159451585864625</v>
      </c>
      <c r="E142" s="170">
        <v>0.63564386719113097</v>
      </c>
      <c r="F142" s="89">
        <v>0.10604191731926015</v>
      </c>
      <c r="G142" s="169">
        <v>8.9885171819263865E-2</v>
      </c>
      <c r="H142" s="89">
        <v>6.8592273955966412E-2</v>
      </c>
      <c r="I142" s="169">
        <v>0.19287873507521267</v>
      </c>
      <c r="J142" s="89">
        <v>8.9050920108500242E-2</v>
      </c>
      <c r="K142" s="88">
        <v>8.1592225914392566E-2</v>
      </c>
      <c r="L142" s="89">
        <v>6.6369567585194494E-2</v>
      </c>
      <c r="M142" s="167">
        <v>114</v>
      </c>
      <c r="N142" s="162">
        <v>4.562345213199003</v>
      </c>
      <c r="O142" s="81">
        <v>0.43041091770927253</v>
      </c>
      <c r="P142" s="170">
        <v>0.27353325537323248</v>
      </c>
      <c r="Q142" s="89">
        <v>8.2776189385045121E-2</v>
      </c>
      <c r="R142" s="169">
        <v>9.1784078358878696E-2</v>
      </c>
      <c r="S142" s="89">
        <v>5.6588289840743385E-2</v>
      </c>
      <c r="T142" s="169">
        <v>0.45691557275509337</v>
      </c>
      <c r="U142" s="89">
        <v>9.1737918480394656E-2</v>
      </c>
      <c r="V142" s="88">
        <v>0.17776709351279568</v>
      </c>
      <c r="W142" s="89">
        <v>7.203723969272767E-2</v>
      </c>
      <c r="X142" s="167">
        <v>79</v>
      </c>
      <c r="Y142" s="162">
        <v>3.5341004444787818</v>
      </c>
      <c r="Z142" s="81">
        <v>0.37830737066761372</v>
      </c>
      <c r="AA142" s="170">
        <v>0.36822563230143301</v>
      </c>
      <c r="AB142" s="89">
        <v>0.1062547226917708</v>
      </c>
      <c r="AC142" s="169">
        <v>0.32290814934406148</v>
      </c>
      <c r="AD142" s="89">
        <v>0.10333905719391376</v>
      </c>
      <c r="AE142" s="169">
        <v>0.20946284682386612</v>
      </c>
      <c r="AF142" s="89">
        <v>9.1448370633111162E-2</v>
      </c>
      <c r="AG142" s="88">
        <v>9.9403371530639356E-2</v>
      </c>
      <c r="AH142" s="89">
        <v>7.1005633956028782E-2</v>
      </c>
    </row>
    <row r="143" spans="1:34">
      <c r="A143" s="44" t="s">
        <v>549</v>
      </c>
      <c r="B143" s="168">
        <v>54</v>
      </c>
      <c r="C143" s="164">
        <v>2.5515472896148128</v>
      </c>
      <c r="D143" s="82">
        <v>0.39648455203198013</v>
      </c>
      <c r="E143" s="172">
        <v>0.64140599704079027</v>
      </c>
      <c r="F143" s="92">
        <v>0.12667287800711308</v>
      </c>
      <c r="G143" s="171">
        <v>0.2475298528905292</v>
      </c>
      <c r="H143" s="92">
        <v>0.11589160885981707</v>
      </c>
      <c r="I143" s="171">
        <v>3.777475016375214E-2</v>
      </c>
      <c r="J143" s="92">
        <v>6.6850787651003149E-2</v>
      </c>
      <c r="K143" s="91">
        <v>7.3289399904928498E-2</v>
      </c>
      <c r="L143" s="92">
        <v>7.9726596494982135E-2</v>
      </c>
      <c r="M143" s="168">
        <v>63</v>
      </c>
      <c r="N143" s="164">
        <v>3.3311211022563603</v>
      </c>
      <c r="O143" s="82">
        <v>0.4975777691614009</v>
      </c>
      <c r="P143" s="172">
        <v>0.52375115582054721</v>
      </c>
      <c r="Q143" s="92">
        <v>0.12204751441599211</v>
      </c>
      <c r="R143" s="171">
        <v>0.19325692109740797</v>
      </c>
      <c r="S143" s="92">
        <v>9.9793249229237574E-2</v>
      </c>
      <c r="T143" s="171">
        <v>0.17014407560735337</v>
      </c>
      <c r="U143" s="92">
        <v>9.5822875379978315E-2</v>
      </c>
      <c r="V143" s="91">
        <v>0.11284784747469144</v>
      </c>
      <c r="W143" s="92">
        <v>8.3746562996993179E-2</v>
      </c>
      <c r="X143" s="168">
        <v>54</v>
      </c>
      <c r="Y143" s="164">
        <v>3.6732214661583469</v>
      </c>
      <c r="Z143" s="82">
        <v>0.41875616152271566</v>
      </c>
      <c r="AA143" s="172">
        <v>0.3648914302604358</v>
      </c>
      <c r="AB143" s="92">
        <v>0.12708310894532085</v>
      </c>
      <c r="AC143" s="171">
        <v>0.28614732899636064</v>
      </c>
      <c r="AD143" s="92">
        <v>0.12044672972992319</v>
      </c>
      <c r="AE143" s="171">
        <v>0.25549964859031243</v>
      </c>
      <c r="AF143" s="92">
        <v>0.11690869511320946</v>
      </c>
      <c r="AG143" s="91">
        <v>9.3461592152891182E-2</v>
      </c>
      <c r="AH143" s="92">
        <v>8.5797188226930485E-2</v>
      </c>
    </row>
    <row r="144" spans="1:34">
      <c r="A144" s="52" t="s">
        <v>550</v>
      </c>
      <c r="B144" s="167">
        <v>148</v>
      </c>
      <c r="C144" s="162">
        <v>3.1003341130297777</v>
      </c>
      <c r="D144" s="81">
        <v>0.28082142584592051</v>
      </c>
      <c r="E144" s="170">
        <v>0.52349672231978461</v>
      </c>
      <c r="F144" s="89">
        <v>8.1025756039019362E-2</v>
      </c>
      <c r="G144" s="169">
        <v>0.20354784739583531</v>
      </c>
      <c r="H144" s="89">
        <v>6.6229411320933157E-2</v>
      </c>
      <c r="I144" s="169">
        <v>0.17048172849958498</v>
      </c>
      <c r="J144" s="89">
        <v>6.2208767931938164E-2</v>
      </c>
      <c r="K144" s="88">
        <v>0.10247370178479556</v>
      </c>
      <c r="L144" s="89">
        <v>5.13452257729319E-2</v>
      </c>
      <c r="M144" s="167">
        <v>162</v>
      </c>
      <c r="N144" s="162">
        <v>3.8828376641876057</v>
      </c>
      <c r="O144" s="81">
        <v>0.32866773268401883</v>
      </c>
      <c r="P144" s="170">
        <v>0.34814697295328378</v>
      </c>
      <c r="Q144" s="89">
        <v>7.4127627270824267E-2</v>
      </c>
      <c r="R144" s="169">
        <v>0.17899132549652208</v>
      </c>
      <c r="S144" s="89">
        <v>6.0491898906551114E-2</v>
      </c>
      <c r="T144" s="169">
        <v>0.33529642255140324</v>
      </c>
      <c r="U144" s="89">
        <v>7.3495236916374662E-2</v>
      </c>
      <c r="V144" s="88">
        <v>0.13756527899879065</v>
      </c>
      <c r="W144" s="89">
        <v>5.4859151967538648E-2</v>
      </c>
      <c r="X144" s="167">
        <v>147</v>
      </c>
      <c r="Y144" s="162">
        <v>3.6685859451730005</v>
      </c>
      <c r="Z144" s="81">
        <v>0.23739079977305166</v>
      </c>
      <c r="AA144" s="170">
        <v>0.36604870709474219</v>
      </c>
      <c r="AB144" s="89">
        <v>7.8562428029593082E-2</v>
      </c>
      <c r="AC144" s="169">
        <v>0.32732637213154298</v>
      </c>
      <c r="AD144" s="89">
        <v>7.6641862712048148E-2</v>
      </c>
      <c r="AE144" s="169">
        <v>0.19329376084356409</v>
      </c>
      <c r="AF144" s="89">
        <v>6.5275584051603844E-2</v>
      </c>
      <c r="AG144" s="88">
        <v>0.11333115993015101</v>
      </c>
      <c r="AH144" s="89">
        <v>5.3562737611130964E-2</v>
      </c>
    </row>
    <row r="145" spans="1:34">
      <c r="A145" s="44" t="s">
        <v>551</v>
      </c>
      <c r="B145" s="168">
        <v>672</v>
      </c>
      <c r="C145" s="164">
        <v>3.2512932431554482</v>
      </c>
      <c r="D145" s="82">
        <v>0.13133136802926013</v>
      </c>
      <c r="E145" s="172">
        <v>0.53707215443270195</v>
      </c>
      <c r="F145" s="92">
        <v>3.8356924779988748E-2</v>
      </c>
      <c r="G145" s="171">
        <v>0.21651838779626861</v>
      </c>
      <c r="H145" s="92">
        <v>3.1770850150559644E-2</v>
      </c>
      <c r="I145" s="171">
        <v>0.1674980202211776</v>
      </c>
      <c r="J145" s="92">
        <v>2.8858657401322329E-2</v>
      </c>
      <c r="K145" s="91">
        <v>7.8911437549856578E-2</v>
      </c>
      <c r="L145" s="92">
        <v>2.1034857441641384E-2</v>
      </c>
      <c r="M145" s="168">
        <v>671</v>
      </c>
      <c r="N145" s="164">
        <v>4.2303373409324658</v>
      </c>
      <c r="O145" s="82">
        <v>0.1502840237892972</v>
      </c>
      <c r="P145" s="172">
        <v>0.31396939485726288</v>
      </c>
      <c r="Q145" s="92">
        <v>3.5760649614532271E-2</v>
      </c>
      <c r="R145" s="171">
        <v>0.18405659082785741</v>
      </c>
      <c r="S145" s="92">
        <v>2.994902449644652E-2</v>
      </c>
      <c r="T145" s="171">
        <v>0.38798927930780031</v>
      </c>
      <c r="U145" s="92">
        <v>3.7523472630540469E-2</v>
      </c>
      <c r="V145" s="91">
        <v>0.11398473500708184</v>
      </c>
      <c r="W145" s="92">
        <v>2.4676034345691426E-2</v>
      </c>
      <c r="X145" s="168">
        <v>681</v>
      </c>
      <c r="Y145" s="164">
        <v>4.250419826303979</v>
      </c>
      <c r="Z145" s="82">
        <v>0.1309708570635984</v>
      </c>
      <c r="AA145" s="172">
        <v>0.28356798587088944</v>
      </c>
      <c r="AB145" s="92">
        <v>3.4489194784792676E-2</v>
      </c>
      <c r="AC145" s="171">
        <v>0.22847860074827914</v>
      </c>
      <c r="AD145" s="92">
        <v>3.2161510709880922E-2</v>
      </c>
      <c r="AE145" s="171">
        <v>0.38542131354440173</v>
      </c>
      <c r="AF145" s="92">
        <v>3.720329628879035E-2</v>
      </c>
      <c r="AG145" s="91">
        <v>0.10253209983643234</v>
      </c>
      <c r="AH145" s="92">
        <v>2.3411134892949124E-2</v>
      </c>
    </row>
    <row r="147" spans="1:34">
      <c r="I147" s="238"/>
      <c r="J147" s="238"/>
      <c r="K147" s="238"/>
      <c r="L147" s="238"/>
      <c r="M147" s="238"/>
      <c r="N147" s="238"/>
      <c r="O147" s="238"/>
      <c r="P147" s="238"/>
      <c r="Q147" s="238"/>
      <c r="R147" s="238"/>
      <c r="S147" s="238"/>
      <c r="T147" s="238"/>
      <c r="U147" s="238"/>
      <c r="V147" s="238"/>
      <c r="W147" s="238"/>
    </row>
  </sheetData>
  <mergeCells count="19">
    <mergeCell ref="A3:D3"/>
    <mergeCell ref="A4:D4"/>
    <mergeCell ref="A5:D5"/>
    <mergeCell ref="A63:L63"/>
    <mergeCell ref="B34:J34"/>
    <mergeCell ref="K34:S34"/>
    <mergeCell ref="X121:AH121"/>
    <mergeCell ref="T34:AB34"/>
    <mergeCell ref="AC34:AK34"/>
    <mergeCell ref="A33:AK33"/>
    <mergeCell ref="A32:AK32"/>
    <mergeCell ref="A90:D90"/>
    <mergeCell ref="A62:L62"/>
    <mergeCell ref="A91:D91"/>
    <mergeCell ref="A92:D92"/>
    <mergeCell ref="B121:L121"/>
    <mergeCell ref="M121:W121"/>
    <mergeCell ref="A120:AH120"/>
    <mergeCell ref="A119:AH119"/>
  </mergeCells>
  <pageMargins left="0.7" right="0.7" top="0.75" bottom="0.75" header="0.3" footer="0.3"/>
  <pageSetup paperSize="9"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Worksheets</vt:lpstr>
      </vt:variant>
      <vt:variant>
        <vt:i4>12</vt:i4>
      </vt:variant>
    </vt:vector>
  </HeadingPairs>
  <TitlesOfParts>
    <vt:vector size="12" baseType="lpstr">
      <vt:lpstr>Cover</vt:lpstr>
      <vt:lpstr>Explanatory notes</vt:lpstr>
      <vt:lpstr>About the region</vt:lpstr>
      <vt:lpstr>Index of tables</vt:lpstr>
      <vt:lpstr>1 IndividualWellbeing</vt:lpstr>
      <vt:lpstr>2 CommunityWellbeing</vt:lpstr>
      <vt:lpstr>3 FinancialCapital</vt:lpstr>
      <vt:lpstr>4 HumanCapital</vt:lpstr>
      <vt:lpstr>5 InstitutionalCapital</vt:lpstr>
      <vt:lpstr>6 SocialCapital</vt:lpstr>
      <vt:lpstr>7 PhysicalCapital</vt:lpstr>
      <vt:lpstr>8 NaturalCapital</vt:lpstr>
    </vt:vector>
  </TitlesOfParts>
  <Company>University of Canberra</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s431240</dc:creator>
  <cp:lastModifiedBy>Mel.Mylek</cp:lastModifiedBy>
  <dcterms:created xsi:type="dcterms:W3CDTF">2014-05-19T04:59:05Z</dcterms:created>
  <dcterms:modified xsi:type="dcterms:W3CDTF">2020-01-20T03:36:54Z</dcterms:modified>
</cp:coreProperties>
</file>